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7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84" y="34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1AC638-7473-1006-4946-858D6EED103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2BAC9B4-1D1C-8E4C-EF75-10E897244EB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F80C11-008C-C51F-8F5B-0FD8D6C940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19896A-2231-D727-2E5B-6B924AE611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187D81-FCEA-F985-E9B4-E16C586E7E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334198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3E196A-788D-A6E1-ACB1-01D60CF594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3B0B1BB-A450-D442-D95F-649E31820DD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648F86B-FD66-9C89-D0BF-11143E8437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AD69C0A-5610-7BD9-02EB-39873A2857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AE54A5-B510-576A-0C6D-E6E2EFC907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560167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DF20A2C-19F0-7706-7A98-6D2D5BA9C1B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5228D6E-0200-B853-C81B-5F1DA104D7E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5744633-88A1-E5E7-D4D3-3B9528096F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E04560B-7D3B-2B5D-6452-1BE89C2312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5B4C5A-D1BA-212C-6FBD-AB2BB4705A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72275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C0DDE8-FB59-D85F-C525-689BC4098A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E8D3CC-EA25-F023-184F-16D28B87A91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737CDEA-735C-1944-95B3-F0CB9CCDF9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5DE5A4-20D8-A7CF-29C1-41650315C6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39C9B6-9F26-15D5-E8E8-6EE94789EE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25936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A54C8E-7698-D459-A4CF-6FBF078744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25DC07-AC18-8145-B60C-512198F4267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B4A7C6-0BB9-CB02-D91D-487DAD5948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04F61C-C023-2E84-9C20-3AA2A0234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6C83A1-4445-457C-D6BE-53DF30A12E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921563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0A8118-5C56-4005-A972-1AC9C9FF9C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8D0CD8-4F41-66F4-CADE-F480CB24E53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22DE32A-297F-3E85-CC0F-934136FD73B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6F5723F-6F83-4E41-1D4D-2F4CB2B59F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F9F71D6-497E-4172-5771-410E65C82F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F51406A-673F-3BD4-E050-5F89414C03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7823069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176285-4DC1-039E-C7DA-71FDB47D97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C3AD520-C7B4-DC06-87FF-EA6E941069B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13115DE-B23B-1AAC-8479-42CAEAEEC17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BD4F0BA-846A-6DAE-9246-45814EF84F3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0FC568E-DC75-4955-6E5F-41DD7887F46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A6DAEB1-13FA-2A33-B997-FE9E336BEB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29A78E5-004D-D9D3-ED4A-B806FAC2C5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5579041-17A5-4673-F415-1503C7D3F5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839142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5731C2-9E6A-C3E5-945E-CFDE1CE4D5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A4B1954-2E71-E3C9-8553-4DCDD2D878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3A75F8-C0C2-0E40-2EBD-92D9F18EDE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BEED090-FF6C-1214-229C-1522EE4C41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486033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B85C0A3-8A85-54B1-1943-FC24748046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F7D8E5-D1C4-24C4-86AA-4C78CA3807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A590BA-A8E3-46BB-D060-641DEF2CF2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221599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61130A-61E7-BC96-2210-252F826EB0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ABDA7F5-3064-F271-2B80-9EB407E1FF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3C2454-1BEB-D706-142F-A654906C4B3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EA0572-E3E4-369A-9375-19FC9EBC7D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050890-B0D6-7843-A0E8-C7C1B50544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A64EEDC-72E7-CAE7-FE9E-A613709B3D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609833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E31A9D-5E8F-CB85-03E9-4E50F036F9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68B994D-2FF5-38B1-350D-7B7A2396EC0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E82346D-421D-AF44-CBCA-AE0E1B12912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B8E38F-DC2F-0648-4FB3-3AA4F26BB1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D21191B-D592-4783-338C-E9795193DD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E23DA58-B92F-047A-DDF8-27F34DC002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57887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519AD82-4E6C-3DB2-A99F-864873C383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CFA51E-C8F5-9F0F-61E6-EDE5589D7A9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0B8026-8AFF-AC2C-6022-824EFF97D16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BEFDFC-16F6-4D17-ADD1-5A56C77DE9A0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14F488-6515-57C8-7A7A-3848EA72BF3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6B7F07-EFFD-ED8E-E170-EB3826B78D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D4F5030-33ED-4782-B7CB-7F26BB68222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395041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7681547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OTLSHAPE_SL_76c509fb52fb49198c1483fd3e26df73_BackgroundRectangle">
            <a:extLst>
              <a:ext uri="{FF2B5EF4-FFF2-40B4-BE49-F238E27FC236}">
                <a16:creationId xmlns:a16="http://schemas.microsoft.com/office/drawing/2014/main" id="{471DFC5F-B8DE-192B-1D79-6F5AD221454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786315"/>
            <a:ext cx="11150600" cy="432774"/>
          </a:xfrm>
          <a:prstGeom prst="rect">
            <a:avLst/>
          </a:prstGeom>
          <a:solidFill>
            <a:srgbClr val="4E148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SL_fce92c7d38df4e73a5208ee64a3c67d5_BackgroundRectangle">
            <a:extLst>
              <a:ext uri="{FF2B5EF4-FFF2-40B4-BE49-F238E27FC236}">
                <a16:creationId xmlns:a16="http://schemas.microsoft.com/office/drawing/2014/main" id="{48C8377F-E171-D7B8-5ED3-CBA6B12D2D3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282589"/>
            <a:ext cx="11150600" cy="738061"/>
          </a:xfrm>
          <a:prstGeom prst="rect">
            <a:avLst/>
          </a:prstGeom>
          <a:solidFill>
            <a:srgbClr val="613DC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SL_0b1ae2045fb24684994a03125f2e421e_BackgroundRectangle">
            <a:extLst>
              <a:ext uri="{FF2B5EF4-FFF2-40B4-BE49-F238E27FC236}">
                <a16:creationId xmlns:a16="http://schemas.microsoft.com/office/drawing/2014/main" id="{8E1CAA97-346A-E495-71FE-2CD58E55C1F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84149"/>
            <a:ext cx="11150600" cy="432774"/>
          </a:xfrm>
          <a:prstGeom prst="rect">
            <a:avLst/>
          </a:prstGeom>
          <a:solidFill>
            <a:srgbClr val="858AE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2A_0c8a58cf86954efc93fe56d4eaf16c98_BackgroundRectangle">
            <a:extLst>
              <a:ext uri="{FF2B5EF4-FFF2-40B4-BE49-F238E27FC236}">
                <a16:creationId xmlns:a16="http://schemas.microsoft.com/office/drawing/2014/main" id="{6B0F748C-C4FD-4C19-1583-108B564A37C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04800" y="2857268"/>
            <a:ext cx="10909300" cy="432774"/>
          </a:xfrm>
          <a:prstGeom prst="rect">
            <a:avLst/>
          </a:prstGeom>
          <a:solidFill>
            <a:srgbClr val="27346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2A_f77b7b68c78f46609e9f66c636b5578d_BackgroundRectangle">
            <a:extLst>
              <a:ext uri="{FF2B5EF4-FFF2-40B4-BE49-F238E27FC236}">
                <a16:creationId xmlns:a16="http://schemas.microsoft.com/office/drawing/2014/main" id="{05411768-B99D-0D90-71A2-F762F9D8ABA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04800" y="3290041"/>
            <a:ext cx="10909300" cy="432774"/>
          </a:xfrm>
          <a:prstGeom prst="rect">
            <a:avLst/>
          </a:prstGeom>
          <a:solidFill>
            <a:srgbClr val="897AB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e0494273d3194939a4dac2ef5a3d3d96_BackgroundRectangle" hidden="1">
            <a:extLst>
              <a:ext uri="{FF2B5EF4-FFF2-40B4-BE49-F238E27FC236}">
                <a16:creationId xmlns:a16="http://schemas.microsoft.com/office/drawing/2014/main" id="{7B69D650-069B-545E-AE62-5E15D3A64ED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857268"/>
            <a:ext cx="11150600" cy="86554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2A_8c28f4977edf45b58ee82c3d7a9a13c3_BackgroundRectangle" hidden="1">
            <a:extLst>
              <a:ext uri="{FF2B5EF4-FFF2-40B4-BE49-F238E27FC236}">
                <a16:creationId xmlns:a16="http://schemas.microsoft.com/office/drawing/2014/main" id="{701DAC61-9733-5355-E0B1-66B788C1E6D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86892" y="3786315"/>
            <a:ext cx="10236200" cy="432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2A_8db4a56166bf4d1ab13a878c36d640c4_BackgroundRectangle" hidden="1">
            <a:extLst>
              <a:ext uri="{FF2B5EF4-FFF2-40B4-BE49-F238E27FC236}">
                <a16:creationId xmlns:a16="http://schemas.microsoft.com/office/drawing/2014/main" id="{862D6C3B-3D11-4EF7-0AE9-43BD6ECF8DA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86892" y="4282589"/>
            <a:ext cx="10236200" cy="73806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2A_6048c98a43874b838d794781f1f3b874_BackgroundRectangle" hidden="1">
            <a:extLst>
              <a:ext uri="{FF2B5EF4-FFF2-40B4-BE49-F238E27FC236}">
                <a16:creationId xmlns:a16="http://schemas.microsoft.com/office/drawing/2014/main" id="{F85284A4-78F5-6199-8BB1-D9DDD5D9FDE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86892" y="5084149"/>
            <a:ext cx="10236200" cy="432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LeftEndCaps" hidden="1">
            <a:extLst>
              <a:ext uri="{FF2B5EF4-FFF2-40B4-BE49-F238E27FC236}">
                <a16:creationId xmlns:a16="http://schemas.microsoft.com/office/drawing/2014/main" id="{CD5B51CF-B4FD-A23D-E62C-A4029EC8E72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43781" y="12700"/>
            <a:ext cx="5207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Arial" panose="020B0604020202020204" pitchFamily="34" charset="0"/>
              </a:rPr>
              <a:t>2025</a:t>
            </a:r>
          </a:p>
        </p:txBody>
      </p:sp>
      <p:sp>
        <p:nvSpPr>
          <p:cNvPr id="7" name="OTLSHAPE_TB_00000000000000000000000000000000_RightEndCaps" hidden="1">
            <a:extLst>
              <a:ext uri="{FF2B5EF4-FFF2-40B4-BE49-F238E27FC236}">
                <a16:creationId xmlns:a16="http://schemas.microsoft.com/office/drawing/2014/main" id="{0F1DC643-BC4B-1BE3-C1CF-8270212FA12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43781" y="12700"/>
            <a:ext cx="5207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Arial" panose="020B0604020202020204" pitchFamily="34" charset="0"/>
              </a:rPr>
              <a:t>2025</a:t>
            </a:r>
          </a:p>
        </p:txBody>
      </p:sp>
      <p:cxnSp>
        <p:nvCxnSpPr>
          <p:cNvPr id="127" name="OTLSHAPE_SL2AL_00000000000000000000000000000000_ShapeBelow0">
            <a:extLst>
              <a:ext uri="{FF2B5EF4-FFF2-40B4-BE49-F238E27FC236}">
                <a16:creationId xmlns:a16="http://schemas.microsoft.com/office/drawing/2014/main" id="{A4A4D9E2-53CB-EB22-C462-51D26D1C606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4800" y="3290041"/>
            <a:ext cx="10908792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ScaleContainer">
            <a:extLst>
              <a:ext uri="{FF2B5EF4-FFF2-40B4-BE49-F238E27FC236}">
                <a16:creationId xmlns:a16="http://schemas.microsoft.com/office/drawing/2014/main" id="{479C7050-AEE0-81AC-BE5D-BE3F20C90D1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13892" y="2087140"/>
            <a:ext cx="10109200" cy="182880"/>
          </a:xfrm>
          <a:prstGeom prst="round2SameRect">
            <a:avLst/>
          </a:prstGeom>
          <a:solidFill>
            <a:srgbClr val="2C07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_e0494273d3194939a4dac2ef5a3d3d96_HeaderRectangle">
            <a:extLst>
              <a:ext uri="{FF2B5EF4-FFF2-40B4-BE49-F238E27FC236}">
                <a16:creationId xmlns:a16="http://schemas.microsoft.com/office/drawing/2014/main" id="{7F406418-00F2-2FF5-F491-F2D04836EDC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857268"/>
            <a:ext cx="241300" cy="865547"/>
          </a:xfrm>
          <a:prstGeom prst="rect">
            <a:avLst/>
          </a:prstGeom>
          <a:solidFill>
            <a:srgbClr val="2C07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SL_76c509fb52fb49198c1483fd3e26df73_HeaderRectangle">
            <a:extLst>
              <a:ext uri="{FF2B5EF4-FFF2-40B4-BE49-F238E27FC236}">
                <a16:creationId xmlns:a16="http://schemas.microsoft.com/office/drawing/2014/main" id="{B1380CCF-9BAD-890B-A279-C13AEF2728C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786315"/>
            <a:ext cx="927100" cy="432774"/>
          </a:xfrm>
          <a:prstGeom prst="rect">
            <a:avLst/>
          </a:prstGeom>
          <a:solidFill>
            <a:srgbClr val="4E148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SL_fce92c7d38df4e73a5208ee64a3c67d5_HeaderRectangle">
            <a:extLst>
              <a:ext uri="{FF2B5EF4-FFF2-40B4-BE49-F238E27FC236}">
                <a16:creationId xmlns:a16="http://schemas.microsoft.com/office/drawing/2014/main" id="{71D0F462-5C4A-B798-2E56-26FC5852DC4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282589"/>
            <a:ext cx="927100" cy="738061"/>
          </a:xfrm>
          <a:prstGeom prst="rect">
            <a:avLst/>
          </a:prstGeom>
          <a:solidFill>
            <a:srgbClr val="613DC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_0b1ae2045fb24684994a03125f2e421e_HeaderRectangle">
            <a:extLst>
              <a:ext uri="{FF2B5EF4-FFF2-40B4-BE49-F238E27FC236}">
                <a16:creationId xmlns:a16="http://schemas.microsoft.com/office/drawing/2014/main" id="{EBF0CAE9-87B6-37ED-7BA2-B0F6E10E1E3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084149"/>
            <a:ext cx="927100" cy="432774"/>
          </a:xfrm>
          <a:prstGeom prst="rect">
            <a:avLst/>
          </a:prstGeom>
          <a:solidFill>
            <a:srgbClr val="858AE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2A_0c8a58cf86954efc93fe56d4eaf16c98_HeaderRectangle">
            <a:extLst>
              <a:ext uri="{FF2B5EF4-FFF2-40B4-BE49-F238E27FC236}">
                <a16:creationId xmlns:a16="http://schemas.microsoft.com/office/drawing/2014/main" id="{CDA345A8-DA13-8D1E-5CBA-E0E1F152601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04800" y="2857268"/>
            <a:ext cx="685800" cy="432774"/>
          </a:xfrm>
          <a:prstGeom prst="rect">
            <a:avLst/>
          </a:prstGeom>
          <a:solidFill>
            <a:srgbClr val="27346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1" name="OTLSHAPE_SL2A_f77b7b68c78f46609e9f66c636b5578d_HeaderRectangle">
            <a:extLst>
              <a:ext uri="{FF2B5EF4-FFF2-40B4-BE49-F238E27FC236}">
                <a16:creationId xmlns:a16="http://schemas.microsoft.com/office/drawing/2014/main" id="{AD0C9614-40A8-9F34-C862-C7D5F77F087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04800" y="3290041"/>
            <a:ext cx="685800" cy="432774"/>
          </a:xfrm>
          <a:prstGeom prst="rect">
            <a:avLst/>
          </a:prstGeom>
          <a:solidFill>
            <a:srgbClr val="897AB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TB_00000000000000000000000000000000_MiddleScaleContainer">
            <a:extLst>
              <a:ext uri="{FF2B5EF4-FFF2-40B4-BE49-F238E27FC236}">
                <a16:creationId xmlns:a16="http://schemas.microsoft.com/office/drawing/2014/main" id="{8128755A-1F59-4833-0502-FE9F5944AFD6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13892" y="2279164"/>
            <a:ext cx="10109200" cy="182880"/>
          </a:xfrm>
          <a:prstGeom prst="rect">
            <a:avLst/>
          </a:prstGeom>
          <a:solidFill>
            <a:srgbClr val="4E148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TB_00000000000000000000000000000000_BottomScaleContainer">
            <a:extLst>
              <a:ext uri="{FF2B5EF4-FFF2-40B4-BE49-F238E27FC236}">
                <a16:creationId xmlns:a16="http://schemas.microsoft.com/office/drawing/2014/main" id="{36E30F16-F932-2AD6-2298-3B5DD21AA08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113892" y="2471188"/>
            <a:ext cx="10109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613DC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OTLSHAPE_SL2A_8c28f4977edf45b58ee82c3d7a9a13c3_HeaderRectangle" hidden="1">
            <a:extLst>
              <a:ext uri="{FF2B5EF4-FFF2-40B4-BE49-F238E27FC236}">
                <a16:creationId xmlns:a16="http://schemas.microsoft.com/office/drawing/2014/main" id="{1102E66B-4367-878F-E4FD-6146126B8F8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86892" y="378631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2A_8db4a56166bf4d1ab13a878c36d640c4_HeaderRectangle" hidden="1">
            <a:extLst>
              <a:ext uri="{FF2B5EF4-FFF2-40B4-BE49-F238E27FC236}">
                <a16:creationId xmlns:a16="http://schemas.microsoft.com/office/drawing/2014/main" id="{4B75AF37-7CA9-1B03-EB85-1A59888AD96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86892" y="4282589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6048c98a43874b838d794781f1f3b874_HeaderRectangle" hidden="1">
            <a:extLst>
              <a:ext uri="{FF2B5EF4-FFF2-40B4-BE49-F238E27FC236}">
                <a16:creationId xmlns:a16="http://schemas.microsoft.com/office/drawing/2014/main" id="{3FFD6812-BE07-4877-AA05-7AEBCCC057D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86892" y="5084149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M_2e4e10156cf24c1cae8283a6d95e7e17_Shape">
            <a:extLst>
              <a:ext uri="{FF2B5EF4-FFF2-40B4-BE49-F238E27FC236}">
                <a16:creationId xmlns:a16="http://schemas.microsoft.com/office/drawing/2014/main" id="{AF8A9A9D-2784-D4BA-428B-BCB02895972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347827" y="2946655"/>
            <a:ext cx="228600" cy="254000"/>
          </a:xfrm>
          <a:prstGeom prst="diamond">
            <a:avLst/>
          </a:prstGeom>
          <a:solidFill>
            <a:srgbClr val="2C07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M_54ac9456ead940288a53a41bbfbcbbb3_Shape">
            <a:extLst>
              <a:ext uri="{FF2B5EF4-FFF2-40B4-BE49-F238E27FC236}">
                <a16:creationId xmlns:a16="http://schemas.microsoft.com/office/drawing/2014/main" id="{4D396498-630C-6E43-6B2E-13B96DE54C6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479690" y="3379428"/>
            <a:ext cx="228600" cy="254000"/>
          </a:xfrm>
          <a:prstGeom prst="diamond">
            <a:avLst/>
          </a:prstGeom>
          <a:solidFill>
            <a:srgbClr val="2C07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M_9a69235d050648c180c7884b9e234e2b_Shape">
            <a:extLst>
              <a:ext uri="{FF2B5EF4-FFF2-40B4-BE49-F238E27FC236}">
                <a16:creationId xmlns:a16="http://schemas.microsoft.com/office/drawing/2014/main" id="{7FED7E64-B4B7-B91A-E378-34EED8CE259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874016" y="3875702"/>
            <a:ext cx="228600" cy="254000"/>
          </a:xfrm>
          <a:prstGeom prst="diamond">
            <a:avLst/>
          </a:prstGeom>
          <a:solidFill>
            <a:srgbClr val="4E148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SLM_d7ff100720a547579e28332d2418032c_Shape">
            <a:extLst>
              <a:ext uri="{FF2B5EF4-FFF2-40B4-BE49-F238E27FC236}">
                <a16:creationId xmlns:a16="http://schemas.microsoft.com/office/drawing/2014/main" id="{CD029D36-72C2-CB4F-BCD8-B73B6D4927A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570547" y="3875702"/>
            <a:ext cx="228600" cy="254000"/>
          </a:xfrm>
          <a:prstGeom prst="diamond">
            <a:avLst/>
          </a:prstGeom>
          <a:solidFill>
            <a:srgbClr val="4E148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M_2b21c4cd5a6742e5b5318e3322c69be4_Shape">
            <a:extLst>
              <a:ext uri="{FF2B5EF4-FFF2-40B4-BE49-F238E27FC236}">
                <a16:creationId xmlns:a16="http://schemas.microsoft.com/office/drawing/2014/main" id="{0A186116-1EC6-4914-3DA8-115D46829DD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355408" y="4677263"/>
            <a:ext cx="228600" cy="254000"/>
          </a:xfrm>
          <a:prstGeom prst="diamond">
            <a:avLst/>
          </a:prstGeom>
          <a:solidFill>
            <a:srgbClr val="613DC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M_63850e7b27974b50ad61a30557a1c152_Shape">
            <a:extLst>
              <a:ext uri="{FF2B5EF4-FFF2-40B4-BE49-F238E27FC236}">
                <a16:creationId xmlns:a16="http://schemas.microsoft.com/office/drawing/2014/main" id="{5E2DCD8B-B08C-928A-487C-D0166C81296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226072" y="4677263"/>
            <a:ext cx="228600" cy="254000"/>
          </a:xfrm>
          <a:prstGeom prst="diamond">
            <a:avLst/>
          </a:prstGeom>
          <a:solidFill>
            <a:srgbClr val="613DC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M_35638f0f247d4b50ba4a4bdfac5e104a_Shape">
            <a:extLst>
              <a:ext uri="{FF2B5EF4-FFF2-40B4-BE49-F238E27FC236}">
                <a16:creationId xmlns:a16="http://schemas.microsoft.com/office/drawing/2014/main" id="{D3BD8C8E-5393-E537-268E-9C781B1C5C1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792003" y="4677263"/>
            <a:ext cx="228600" cy="254000"/>
          </a:xfrm>
          <a:prstGeom prst="diamond">
            <a:avLst/>
          </a:prstGeom>
          <a:solidFill>
            <a:srgbClr val="613DC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SLM_f54ff3c8a86b414fa5ef0dc92de9649a_Shape">
            <a:extLst>
              <a:ext uri="{FF2B5EF4-FFF2-40B4-BE49-F238E27FC236}">
                <a16:creationId xmlns:a16="http://schemas.microsoft.com/office/drawing/2014/main" id="{B6D4E494-30E1-B5D3-FFE1-29C41593566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92945" y="5173536"/>
            <a:ext cx="228600" cy="254000"/>
          </a:xfrm>
          <a:prstGeom prst="diamond">
            <a:avLst/>
          </a:prstGeom>
          <a:solidFill>
            <a:srgbClr val="858AE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M_4671f0bd4178406b9d8622715100e562_Shape">
            <a:extLst>
              <a:ext uri="{FF2B5EF4-FFF2-40B4-BE49-F238E27FC236}">
                <a16:creationId xmlns:a16="http://schemas.microsoft.com/office/drawing/2014/main" id="{1AF18476-5E8C-8B96-744B-42095E55152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484744" y="5173536"/>
            <a:ext cx="228600" cy="254000"/>
          </a:xfrm>
          <a:prstGeom prst="diamond">
            <a:avLst/>
          </a:prstGeom>
          <a:solidFill>
            <a:srgbClr val="858AE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TB_00000000000000000000000000000000_ElapsedTime" hidden="1">
            <a:extLst>
              <a:ext uri="{FF2B5EF4-FFF2-40B4-BE49-F238E27FC236}">
                <a16:creationId xmlns:a16="http://schemas.microsoft.com/office/drawing/2014/main" id="{94C4BB84-8C31-BE23-7634-E4F54BB8516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113892" y="2087140"/>
            <a:ext cx="0" cy="0"/>
          </a:xfrm>
          <a:prstGeom prst="rect">
            <a:avLst/>
          </a:prstGeom>
          <a:solidFill>
            <a:schemeClr val="lt2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_e0494273d3194939a4dac2ef5a3d3d96_Header">
            <a:extLst>
              <a:ext uri="{FF2B5EF4-FFF2-40B4-BE49-F238E27FC236}">
                <a16:creationId xmlns:a16="http://schemas.microsoft.com/office/drawing/2014/main" id="{302193A5-C1C8-04A4-9977-905AA35A23B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 rot="16200000">
            <a:off x="-248624" y="3197014"/>
            <a:ext cx="86554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</a:rPr>
              <a:t>Planning</a:t>
            </a:r>
          </a:p>
        </p:txBody>
      </p:sp>
      <p:sp>
        <p:nvSpPr>
          <p:cNvPr id="71" name="OTLSHAPE_SL_76c509fb52fb49198c1483fd3e26df73_Header">
            <a:extLst>
              <a:ext uri="{FF2B5EF4-FFF2-40B4-BE49-F238E27FC236}">
                <a16:creationId xmlns:a16="http://schemas.microsoft.com/office/drawing/2014/main" id="{03268FEA-2555-F1D2-2CF9-4FE2E71787F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3909675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</a:rPr>
              <a:t>Resources</a:t>
            </a:r>
          </a:p>
        </p:txBody>
      </p:sp>
      <p:sp>
        <p:nvSpPr>
          <p:cNvPr id="74" name="OTLSHAPE_SL_fce92c7d38df4e73a5208ee64a3c67d5_Header">
            <a:extLst>
              <a:ext uri="{FF2B5EF4-FFF2-40B4-BE49-F238E27FC236}">
                <a16:creationId xmlns:a16="http://schemas.microsoft.com/office/drawing/2014/main" id="{F8690863-D65A-47C6-010C-3E978128780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4558592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chemeClr val="lt1"/>
                </a:solidFill>
              </a:rPr>
              <a:t>Testing</a:t>
            </a:r>
          </a:p>
        </p:txBody>
      </p:sp>
      <p:sp>
        <p:nvSpPr>
          <p:cNvPr id="77" name="OTLSHAPE_SL_0b1ae2045fb24684994a03125f2e421e_Header">
            <a:extLst>
              <a:ext uri="{FF2B5EF4-FFF2-40B4-BE49-F238E27FC236}">
                <a16:creationId xmlns:a16="http://schemas.microsoft.com/office/drawing/2014/main" id="{D8A1E874-A102-C24F-6B75-758A6F7B27F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5207508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chemeClr val="lt1"/>
                </a:solidFill>
              </a:rPr>
              <a:t>Production</a:t>
            </a:r>
          </a:p>
        </p:txBody>
      </p:sp>
      <p:sp>
        <p:nvSpPr>
          <p:cNvPr id="86" name="OTLSHAPE_SL2A_0c8a58cf86954efc93fe56d4eaf16c98_Header">
            <a:extLst>
              <a:ext uri="{FF2B5EF4-FFF2-40B4-BE49-F238E27FC236}">
                <a16:creationId xmlns:a16="http://schemas.microsoft.com/office/drawing/2014/main" id="{E18020A6-A4F8-BF2A-1A4E-4178905CF7C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68300" y="298839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</a:rPr>
              <a:t>Phase 1</a:t>
            </a:r>
          </a:p>
        </p:txBody>
      </p:sp>
      <p:sp>
        <p:nvSpPr>
          <p:cNvPr id="92" name="OTLSHAPE_SL2A_f77b7b68c78f46609e9f66c636b5578d_Header">
            <a:extLst>
              <a:ext uri="{FF2B5EF4-FFF2-40B4-BE49-F238E27FC236}">
                <a16:creationId xmlns:a16="http://schemas.microsoft.com/office/drawing/2014/main" id="{EDF8810B-8C01-7745-DC0B-E69C5F1B9F1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68300" y="3421169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</a:rPr>
              <a:t>Phase 2</a:t>
            </a:r>
          </a:p>
        </p:txBody>
      </p:sp>
      <p:sp>
        <p:nvSpPr>
          <p:cNvPr id="19" name="OTLSHAPE_SL2A_8c28f4977edf45b58ee82c3d7a9a13c3_Header" hidden="1">
            <a:extLst>
              <a:ext uri="{FF2B5EF4-FFF2-40B4-BE49-F238E27FC236}">
                <a16:creationId xmlns:a16="http://schemas.microsoft.com/office/drawing/2014/main" id="{8B1E4CC7-8AB3-6D03-F100-A9D92B6C336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2A_8db4a56166bf4d1ab13a878c36d640c4_Header" hidden="1">
            <a:extLst>
              <a:ext uri="{FF2B5EF4-FFF2-40B4-BE49-F238E27FC236}">
                <a16:creationId xmlns:a16="http://schemas.microsoft.com/office/drawing/2014/main" id="{13C0A974-53D0-FA12-C049-96B05CD4C1B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2A_6048c98a43874b838d794781f1f3b874_Header" hidden="1">
            <a:extLst>
              <a:ext uri="{FF2B5EF4-FFF2-40B4-BE49-F238E27FC236}">
                <a16:creationId xmlns:a16="http://schemas.microsoft.com/office/drawing/2014/main" id="{74D66DD6-16DE-484E-D18A-F8FC271DCDF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odayMarkerShape" hidden="1">
            <a:extLst>
              <a:ext uri="{FF2B5EF4-FFF2-40B4-BE49-F238E27FC236}">
                <a16:creationId xmlns:a16="http://schemas.microsoft.com/office/drawing/2014/main" id="{4FBFAD26-B0FF-6F16-50C8-8FA5D57067F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87766" y="26540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ADE4853-B438-436E-9E97-B1796234A56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177392" y="207005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2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F8F335E-2662-477D-938E-2BC5C74BB30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832916" y="207005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3</a:t>
            </a:r>
            <a:endParaRPr lang="en-GB" sz="1400" spc="-38" dirty="0">
              <a:solidFill>
                <a:schemeClr val="lt1"/>
              </a:solidFill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1E2DB92-3A06-4A0D-A03E-54A29BA48CA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837970" y="207005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4</a:t>
            </a:r>
            <a:endParaRPr lang="en-GB" sz="1400" spc="-38" dirty="0">
              <a:solidFill>
                <a:schemeClr val="lt1"/>
              </a:solidFill>
            </a:endParaRPr>
          </a:p>
        </p:txBody>
      </p:sp>
      <p:sp>
        <p:nvSpPr>
          <p:cNvPr id="89" name="OTLSHAPE_SLM_2e4e10156cf24c1cae8283a6d95e7e17_Title">
            <a:extLst>
              <a:ext uri="{FF2B5EF4-FFF2-40B4-BE49-F238E27FC236}">
                <a16:creationId xmlns:a16="http://schemas.microsoft.com/office/drawing/2014/main" id="{FDED9A29-6A67-C279-34A5-6406063B5F0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627227" y="2895368"/>
            <a:ext cx="1193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6" dirty="0">
                <a:solidFill>
                  <a:srgbClr val="2C0735"/>
                </a:solidFill>
              </a:rPr>
              <a:t>Mechanical Design</a:t>
            </a:r>
          </a:p>
        </p:txBody>
      </p:sp>
      <p:sp>
        <p:nvSpPr>
          <p:cNvPr id="90" name="OTLSHAPE_SLM_2e4e10156cf24c1cae8283a6d95e7e17_Date">
            <a:extLst>
              <a:ext uri="{FF2B5EF4-FFF2-40B4-BE49-F238E27FC236}">
                <a16:creationId xmlns:a16="http://schemas.microsoft.com/office/drawing/2014/main" id="{3120CB19-BEE8-2221-C1B2-A40916A5096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627227" y="3081423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10">
                <a:solidFill>
                  <a:schemeClr val="dk2"/>
                </a:solidFill>
              </a:rPr>
              <a:t>05/08/25</a:t>
            </a:r>
            <a:endParaRPr lang="en-GB" sz="1100" spc="-10" dirty="0">
              <a:solidFill>
                <a:schemeClr val="dk2"/>
              </a:solidFill>
            </a:endParaRPr>
          </a:p>
        </p:txBody>
      </p:sp>
      <p:sp>
        <p:nvSpPr>
          <p:cNvPr id="95" name="OTLSHAPE_SLM_54ac9456ead940288a53a41bbfbcbbb3_Title">
            <a:extLst>
              <a:ext uri="{FF2B5EF4-FFF2-40B4-BE49-F238E27FC236}">
                <a16:creationId xmlns:a16="http://schemas.microsoft.com/office/drawing/2014/main" id="{18A6C3C4-2576-92BA-117E-B4BE053EFF7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759090" y="3328141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6">
                <a:solidFill>
                  <a:srgbClr val="2C0735"/>
                </a:solidFill>
              </a:rPr>
              <a:t>Electrical Design</a:t>
            </a:r>
          </a:p>
        </p:txBody>
      </p:sp>
      <p:sp>
        <p:nvSpPr>
          <p:cNvPr id="96" name="OTLSHAPE_SLM_54ac9456ead940288a53a41bbfbcbbb3_Date">
            <a:extLst>
              <a:ext uri="{FF2B5EF4-FFF2-40B4-BE49-F238E27FC236}">
                <a16:creationId xmlns:a16="http://schemas.microsoft.com/office/drawing/2014/main" id="{A9B6935B-CFAA-F306-4490-180E5FBF58C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759090" y="351419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10">
                <a:solidFill>
                  <a:schemeClr val="dk2"/>
                </a:solidFill>
              </a:rPr>
              <a:t>06/03/25</a:t>
            </a:r>
          </a:p>
        </p:txBody>
      </p:sp>
      <p:sp>
        <p:nvSpPr>
          <p:cNvPr id="101" name="OTLSHAPE_SLM_9a69235d050648c180c7884b9e234e2b_Title">
            <a:extLst>
              <a:ext uri="{FF2B5EF4-FFF2-40B4-BE49-F238E27FC236}">
                <a16:creationId xmlns:a16="http://schemas.microsoft.com/office/drawing/2014/main" id="{47FEE9A0-BC9D-B832-AFA0-56197AC8358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670055" y="3824415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200" b="1" spc="-4">
                <a:solidFill>
                  <a:srgbClr val="2C0735"/>
                </a:solidFill>
              </a:rPr>
              <a:t>Material Available</a:t>
            </a:r>
          </a:p>
        </p:txBody>
      </p:sp>
      <p:sp>
        <p:nvSpPr>
          <p:cNvPr id="102" name="OTLSHAPE_SLM_9a69235d050648c180c7884b9e234e2b_Date">
            <a:extLst>
              <a:ext uri="{FF2B5EF4-FFF2-40B4-BE49-F238E27FC236}">
                <a16:creationId xmlns:a16="http://schemas.microsoft.com/office/drawing/2014/main" id="{7BB4E4A8-B74E-1EC6-B059-F6A932F96CB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290324" y="401047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10">
                <a:solidFill>
                  <a:schemeClr val="dk2"/>
                </a:solidFill>
              </a:rPr>
              <a:t>07/28/25</a:t>
            </a:r>
          </a:p>
        </p:txBody>
      </p:sp>
      <p:sp>
        <p:nvSpPr>
          <p:cNvPr id="104" name="OTLSHAPE_SLM_d7ff100720a547579e28332d2418032c_Title">
            <a:extLst>
              <a:ext uri="{FF2B5EF4-FFF2-40B4-BE49-F238E27FC236}">
                <a16:creationId xmlns:a16="http://schemas.microsoft.com/office/drawing/2014/main" id="{E11A534E-038F-F7F1-0B15-E6EBFCB5D5F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849947" y="3824415"/>
            <a:ext cx="123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6">
                <a:solidFill>
                  <a:srgbClr val="2C0735"/>
                </a:solidFill>
              </a:rPr>
              <a:t>Drawing's Released</a:t>
            </a:r>
          </a:p>
        </p:txBody>
      </p:sp>
      <p:sp>
        <p:nvSpPr>
          <p:cNvPr id="105" name="OTLSHAPE_SLM_d7ff100720a547579e28332d2418032c_Date">
            <a:extLst>
              <a:ext uri="{FF2B5EF4-FFF2-40B4-BE49-F238E27FC236}">
                <a16:creationId xmlns:a16="http://schemas.microsoft.com/office/drawing/2014/main" id="{5A633502-506F-6456-D80B-493270F3F9D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849947" y="401047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10">
                <a:solidFill>
                  <a:schemeClr val="dk2"/>
                </a:solidFill>
              </a:rPr>
              <a:t>08/13/25</a:t>
            </a:r>
          </a:p>
        </p:txBody>
      </p:sp>
      <p:sp>
        <p:nvSpPr>
          <p:cNvPr id="110" name="OTLSHAPE_SLM_2b21c4cd5a6742e5b5318e3322c69be4_Title">
            <a:extLst>
              <a:ext uri="{FF2B5EF4-FFF2-40B4-BE49-F238E27FC236}">
                <a16:creationId xmlns:a16="http://schemas.microsoft.com/office/drawing/2014/main" id="{E0A6FA00-5DB4-E178-9AB2-F9B8AAA4D48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137859" y="4625976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200" b="1" spc="-8">
                <a:solidFill>
                  <a:srgbClr val="2C0735"/>
                </a:solidFill>
              </a:rPr>
              <a:t>Testing Completed</a:t>
            </a:r>
          </a:p>
        </p:txBody>
      </p:sp>
      <p:sp>
        <p:nvSpPr>
          <p:cNvPr id="111" name="OTLSHAPE_SLM_2b21c4cd5a6742e5b5318e3322c69be4_Date">
            <a:extLst>
              <a:ext uri="{FF2B5EF4-FFF2-40B4-BE49-F238E27FC236}">
                <a16:creationId xmlns:a16="http://schemas.microsoft.com/office/drawing/2014/main" id="{3CAE354B-7478-AEFE-B8B4-3CBB9480972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771715" y="481203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10">
                <a:solidFill>
                  <a:schemeClr val="dk2"/>
                </a:solidFill>
              </a:rPr>
              <a:t>09/23/25</a:t>
            </a:r>
          </a:p>
        </p:txBody>
      </p:sp>
      <p:sp>
        <p:nvSpPr>
          <p:cNvPr id="113" name="OTLSHAPE_SLM_63850e7b27974b50ad61a30557a1c152_Title">
            <a:extLst>
              <a:ext uri="{FF2B5EF4-FFF2-40B4-BE49-F238E27FC236}">
                <a16:creationId xmlns:a16="http://schemas.microsoft.com/office/drawing/2014/main" id="{0418D010-FCBC-AED7-F542-2A5E1A27801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840987" y="4320689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8" dirty="0">
                <a:solidFill>
                  <a:srgbClr val="2C0735"/>
                </a:solidFill>
              </a:rPr>
              <a:t>Pending Results</a:t>
            </a:r>
          </a:p>
        </p:txBody>
      </p:sp>
      <p:sp>
        <p:nvSpPr>
          <p:cNvPr id="114" name="OTLSHAPE_SLM_63850e7b27974b50ad61a30557a1c152_Date">
            <a:extLst>
              <a:ext uri="{FF2B5EF4-FFF2-40B4-BE49-F238E27FC236}">
                <a16:creationId xmlns:a16="http://schemas.microsoft.com/office/drawing/2014/main" id="{3287437A-274B-599E-9213-E1FA0B40A1E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073926" y="450674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>
                <a:solidFill>
                  <a:schemeClr val="dk2"/>
                </a:solidFill>
              </a:rPr>
              <a:t>10/13/25</a:t>
            </a:r>
            <a:endParaRPr lang="en-GB" sz="1100" spc="-10" dirty="0">
              <a:solidFill>
                <a:schemeClr val="dk2"/>
              </a:solidFill>
            </a:endParaRPr>
          </a:p>
        </p:txBody>
      </p:sp>
      <p:sp>
        <p:nvSpPr>
          <p:cNvPr id="116" name="OTLSHAPE_SLM_35638f0f247d4b50ba4a4bdfac5e104a_Title">
            <a:extLst>
              <a:ext uri="{FF2B5EF4-FFF2-40B4-BE49-F238E27FC236}">
                <a16:creationId xmlns:a16="http://schemas.microsoft.com/office/drawing/2014/main" id="{A18B81CA-1923-1B62-82F1-992ECEA7FD7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071403" y="4625976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>
                <a:solidFill>
                  <a:srgbClr val="2C0735"/>
                </a:solidFill>
              </a:rPr>
              <a:t>Performance Results </a:t>
            </a:r>
          </a:p>
        </p:txBody>
      </p:sp>
      <p:sp>
        <p:nvSpPr>
          <p:cNvPr id="117" name="OTLSHAPE_SLM_35638f0f247d4b50ba4a4bdfac5e104a_Date">
            <a:extLst>
              <a:ext uri="{FF2B5EF4-FFF2-40B4-BE49-F238E27FC236}">
                <a16:creationId xmlns:a16="http://schemas.microsoft.com/office/drawing/2014/main" id="{77E7B061-8024-6801-0DA5-1558DA9D66C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071403" y="481203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10">
                <a:solidFill>
                  <a:schemeClr val="dk2"/>
                </a:solidFill>
              </a:rPr>
              <a:t>10/26/25</a:t>
            </a:r>
          </a:p>
        </p:txBody>
      </p:sp>
      <p:sp>
        <p:nvSpPr>
          <p:cNvPr id="122" name="OTLSHAPE_SLM_f54ff3c8a86b414fa5ef0dc92de9649a_Title">
            <a:extLst>
              <a:ext uri="{FF2B5EF4-FFF2-40B4-BE49-F238E27FC236}">
                <a16:creationId xmlns:a16="http://schemas.microsoft.com/office/drawing/2014/main" id="{2C4F53D3-57D1-0E2F-D424-D9CE2027D89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378189" y="5122249"/>
            <a:ext cx="67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200" b="1" spc="-8">
                <a:solidFill>
                  <a:srgbClr val="2C0735"/>
                </a:solidFill>
              </a:rPr>
              <a:t>Build Start</a:t>
            </a:r>
          </a:p>
        </p:txBody>
      </p:sp>
      <p:sp>
        <p:nvSpPr>
          <p:cNvPr id="123" name="OTLSHAPE_SLM_f54ff3c8a86b414fa5ef0dc92de9649a_Date">
            <a:extLst>
              <a:ext uri="{FF2B5EF4-FFF2-40B4-BE49-F238E27FC236}">
                <a16:creationId xmlns:a16="http://schemas.microsoft.com/office/drawing/2014/main" id="{7CB3FDCB-9488-2AB0-9946-51C2FBB71FD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509253" y="530830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10">
                <a:solidFill>
                  <a:schemeClr val="dk2"/>
                </a:solidFill>
              </a:rPr>
              <a:t>08/25/25</a:t>
            </a:r>
          </a:p>
        </p:txBody>
      </p:sp>
      <p:sp>
        <p:nvSpPr>
          <p:cNvPr id="125" name="OTLSHAPE_SLM_4671f0bd4178406b9d8622715100e562_Title">
            <a:extLst>
              <a:ext uri="{FF2B5EF4-FFF2-40B4-BE49-F238E27FC236}">
                <a16:creationId xmlns:a16="http://schemas.microsoft.com/office/drawing/2014/main" id="{05A477BD-0CCF-8A73-908E-FF790208D8F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764144" y="5122249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6">
                <a:solidFill>
                  <a:srgbClr val="2C0735"/>
                </a:solidFill>
              </a:rPr>
              <a:t>Conditional Release</a:t>
            </a:r>
          </a:p>
        </p:txBody>
      </p:sp>
      <p:sp>
        <p:nvSpPr>
          <p:cNvPr id="126" name="OTLSHAPE_SLM_4671f0bd4178406b9d8622715100e562_Date">
            <a:extLst>
              <a:ext uri="{FF2B5EF4-FFF2-40B4-BE49-F238E27FC236}">
                <a16:creationId xmlns:a16="http://schemas.microsoft.com/office/drawing/2014/main" id="{F53C6616-CC9A-F2E1-0DD7-BBEEA3DC718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764144" y="530830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10">
                <a:solidFill>
                  <a:schemeClr val="dk2"/>
                </a:solidFill>
              </a:rPr>
              <a:t>09/03/25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A2B3AA5-083A-5AC3-CC8D-3A6DB902476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77392" y="2262082"/>
            <a:ext cx="30655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May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DCDE2FEE-8FE6-F6BD-02C1-6BE802A1351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526921" y="2262082"/>
            <a:ext cx="23686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</a:rPr>
              <a:t>Jun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D5A2E3E9-1B4C-3CAA-9615-2571E205181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832916" y="2262082"/>
            <a:ext cx="18626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Jul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06B78F6-E465-DA5F-3CFC-BF21459DE37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182445" y="2262082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Aug</a:t>
            </a:r>
          </a:p>
        </p:txBody>
      </p:sp>
      <p:sp>
        <p:nvSpPr>
          <p:cNvPr id="34" name="OTLSHAPE_TB_00000000000000000000000000000000_MiddleTimescaleInterval5">
            <a:extLst>
              <a:ext uri="{FF2B5EF4-FFF2-40B4-BE49-F238E27FC236}">
                <a16:creationId xmlns:a16="http://schemas.microsoft.com/office/drawing/2014/main" id="{23D9B078-5A5C-36C0-AC3D-8C3B1BC1422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531974" y="2262082"/>
            <a:ext cx="25532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8">
                <a:solidFill>
                  <a:schemeClr val="lt1"/>
                </a:solidFill>
              </a:rPr>
              <a:t>Sep</a:t>
            </a:r>
          </a:p>
        </p:txBody>
      </p:sp>
      <p:sp>
        <p:nvSpPr>
          <p:cNvPr id="36" name="OTLSHAPE_TB_00000000000000000000000000000000_MiddleTimescaleInterval6">
            <a:extLst>
              <a:ext uri="{FF2B5EF4-FFF2-40B4-BE49-F238E27FC236}">
                <a16:creationId xmlns:a16="http://schemas.microsoft.com/office/drawing/2014/main" id="{4FC10937-C922-278C-7E35-C8ADE9CB4AE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837970" y="2262082"/>
            <a:ext cx="24487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8">
                <a:solidFill>
                  <a:schemeClr val="lt1"/>
                </a:solidFill>
              </a:rPr>
              <a:t>Oct</a:t>
            </a:r>
            <a:endParaRPr lang="en-GB" sz="1400" spc="-28" dirty="0">
              <a:solidFill>
                <a:schemeClr val="lt1"/>
              </a:solidFill>
            </a:endParaRPr>
          </a:p>
        </p:txBody>
      </p:sp>
      <p:sp>
        <p:nvSpPr>
          <p:cNvPr id="38" name="OTLSHAPE_TB_00000000000000000000000000000000_MiddleTimescaleInterval7">
            <a:extLst>
              <a:ext uri="{FF2B5EF4-FFF2-40B4-BE49-F238E27FC236}">
                <a16:creationId xmlns:a16="http://schemas.microsoft.com/office/drawing/2014/main" id="{DC1E8AC7-AA5D-9C01-73EF-DE1AFE1252F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187499" y="2262082"/>
            <a:ext cx="2794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</a:rPr>
              <a:t>Nov</a:t>
            </a:r>
          </a:p>
        </p:txBody>
      </p:sp>
      <p:sp>
        <p:nvSpPr>
          <p:cNvPr id="46" name="OTLSHAPE_TB_00000000000000000000000000000000_MiddleTimescaleInterval8">
            <a:extLst>
              <a:ext uri="{FF2B5EF4-FFF2-40B4-BE49-F238E27FC236}">
                <a16:creationId xmlns:a16="http://schemas.microsoft.com/office/drawing/2014/main" id="{47F68F45-3E60-43A4-A445-7062AE7B624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493495" y="2262082"/>
            <a:ext cx="26494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</a:rPr>
              <a:t>Dec</a:t>
            </a:r>
          </a:p>
        </p:txBody>
      </p:sp>
      <p:sp>
        <p:nvSpPr>
          <p:cNvPr id="52" name="OTLSHAPE_TB_00000000000000000000000000000000_BottomTimescaleInterval1">
            <a:extLst>
              <a:ext uri="{FF2B5EF4-FFF2-40B4-BE49-F238E27FC236}">
                <a16:creationId xmlns:a16="http://schemas.microsoft.com/office/drawing/2014/main" id="{8E068915-AD72-5DE0-0AE1-E9678CB05A7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177392" y="2454106"/>
            <a:ext cx="4064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2">
                <a:solidFill>
                  <a:schemeClr val="lt1"/>
                </a:solidFill>
              </a:rPr>
              <a:t>Day 1</a:t>
            </a:r>
          </a:p>
        </p:txBody>
      </p:sp>
      <p:sp>
        <p:nvSpPr>
          <p:cNvPr id="54" name="OTLSHAPE_TB_00000000000000000000000000000000_BottomTimescaleInterval2">
            <a:extLst>
              <a:ext uri="{FF2B5EF4-FFF2-40B4-BE49-F238E27FC236}">
                <a16:creationId xmlns:a16="http://schemas.microsoft.com/office/drawing/2014/main" id="{72E1DB01-2353-59C3-AFC7-98001E0AC5F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439854" y="2454106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0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56" name="OTLSHAPE_TB_00000000000000000000000000000000_BottomTimescaleInterval3">
            <a:extLst>
              <a:ext uri="{FF2B5EF4-FFF2-40B4-BE49-F238E27FC236}">
                <a16:creationId xmlns:a16="http://schemas.microsoft.com/office/drawing/2014/main" id="{C2018D34-D9D9-9E8B-80CC-2BE0801AAB0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702317" y="2454106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0">
                <a:solidFill>
                  <a:schemeClr val="lt1"/>
                </a:solidFill>
              </a:rPr>
              <a:t>59</a:t>
            </a:r>
          </a:p>
        </p:txBody>
      </p:sp>
      <p:sp>
        <p:nvSpPr>
          <p:cNvPr id="58" name="OTLSHAPE_TB_00000000000000000000000000000000_BottomTimescaleInterval4">
            <a:extLst>
              <a:ext uri="{FF2B5EF4-FFF2-40B4-BE49-F238E27FC236}">
                <a16:creationId xmlns:a16="http://schemas.microsoft.com/office/drawing/2014/main" id="{D9AE9EA9-47BC-F754-C6DB-4E7513AFAFF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964780" y="2454106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0">
                <a:solidFill>
                  <a:schemeClr val="lt1"/>
                </a:solidFill>
              </a:rPr>
              <a:t>88</a:t>
            </a:r>
          </a:p>
        </p:txBody>
      </p:sp>
      <p:sp>
        <p:nvSpPr>
          <p:cNvPr id="60" name="OTLSHAPE_TB_00000000000000000000000000000000_BottomTimescaleInterval5">
            <a:extLst>
              <a:ext uri="{FF2B5EF4-FFF2-40B4-BE49-F238E27FC236}">
                <a16:creationId xmlns:a16="http://schemas.microsoft.com/office/drawing/2014/main" id="{4A9AB508-BA81-38CC-708C-53F82824138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227242" y="2454106"/>
            <a:ext cx="26334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117</a:t>
            </a:r>
          </a:p>
        </p:txBody>
      </p:sp>
      <p:sp>
        <p:nvSpPr>
          <p:cNvPr id="62" name="OTLSHAPE_TB_00000000000000000000000000000000_BottomTimescaleInterval6">
            <a:extLst>
              <a:ext uri="{FF2B5EF4-FFF2-40B4-BE49-F238E27FC236}">
                <a16:creationId xmlns:a16="http://schemas.microsoft.com/office/drawing/2014/main" id="{A11354F4-2877-E325-00D1-07D385D88A3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489705" y="2454106"/>
            <a:ext cx="26334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146</a:t>
            </a:r>
          </a:p>
        </p:txBody>
      </p:sp>
      <p:sp>
        <p:nvSpPr>
          <p:cNvPr id="64" name="OTLSHAPE_TB_00000000000000000000000000000000_BottomTimescaleInterval7">
            <a:extLst>
              <a:ext uri="{FF2B5EF4-FFF2-40B4-BE49-F238E27FC236}">
                <a16:creationId xmlns:a16="http://schemas.microsoft.com/office/drawing/2014/main" id="{090534F8-34F9-00ED-F520-9C97928822C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752167" y="2454106"/>
            <a:ext cx="26334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175</a:t>
            </a:r>
          </a:p>
        </p:txBody>
      </p:sp>
      <p:sp>
        <p:nvSpPr>
          <p:cNvPr id="59" name="OTLSHAPE_TB_00000000000000000000000000000000_BottomTimescaleInterval8">
            <a:extLst>
              <a:ext uri="{FF2B5EF4-FFF2-40B4-BE49-F238E27FC236}">
                <a16:creationId xmlns:a16="http://schemas.microsoft.com/office/drawing/2014/main" id="{E3B38B6D-5481-E1CA-2D3B-2036755CF07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014630" y="2454106"/>
            <a:ext cx="26334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2">
                <a:solidFill>
                  <a:schemeClr val="lt1"/>
                </a:solidFill>
                <a:latin typeface="Calibri" panose="020F0502020204030204" pitchFamily="34" charset="0"/>
              </a:rPr>
              <a:t>204</a:t>
            </a:r>
          </a:p>
        </p:txBody>
      </p:sp>
      <p:sp>
        <p:nvSpPr>
          <p:cNvPr id="16" name="OTLSHAPE_TB_00000000000000000000000000000000_TodayMarkerText" hidden="1">
            <a:extLst>
              <a:ext uri="{FF2B5EF4-FFF2-40B4-BE49-F238E27FC236}">
                <a16:creationId xmlns:a16="http://schemas.microsoft.com/office/drawing/2014/main" id="{7A7D7D69-8600-ED18-B555-067FB52B7DD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-191971" y="58866"/>
            <a:ext cx="409343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93AA7D6-29CB-4507-88FC-6ADB6742440A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3769416" y="20871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16CAB716-B8A4-4378-89DF-D8E1483A89F9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7774470" y="20871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6CDE60F8-08FF-7312-83C6-CEFBF36ED945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2463420" y="2279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1CFB6BB4-265F-06A5-79C7-FF94E80CA9FE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3769416" y="2279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9889E0CE-FE53-A78B-8069-7BBD8B6EA20D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5118945" y="2279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MiddleSeparator4">
            <a:extLst>
              <a:ext uri="{FF2B5EF4-FFF2-40B4-BE49-F238E27FC236}">
                <a16:creationId xmlns:a16="http://schemas.microsoft.com/office/drawing/2014/main" id="{B896FE21-3B22-9021-7E2C-7C3E313BD272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6468474" y="2279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ddleSeparator5">
            <a:extLst>
              <a:ext uri="{FF2B5EF4-FFF2-40B4-BE49-F238E27FC236}">
                <a16:creationId xmlns:a16="http://schemas.microsoft.com/office/drawing/2014/main" id="{70A742F7-AFBD-45CF-5A9E-C09A2ED0191D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7774470" y="2279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MiddleSeparator6">
            <a:extLst>
              <a:ext uri="{FF2B5EF4-FFF2-40B4-BE49-F238E27FC236}">
                <a16:creationId xmlns:a16="http://schemas.microsoft.com/office/drawing/2014/main" id="{5A919990-1D65-099B-A242-C28BE332F25D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9123999" y="2279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MiddleSeparator7">
            <a:extLst>
              <a:ext uri="{FF2B5EF4-FFF2-40B4-BE49-F238E27FC236}">
                <a16:creationId xmlns:a16="http://schemas.microsoft.com/office/drawing/2014/main" id="{192A551E-1B05-DAAB-7971-B0B0CB9FDE02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10429994" y="2279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M_636c9a196adc49af811856b0b39b4ea2_Shape">
            <a:extLst>
              <a:ext uri="{FF2B5EF4-FFF2-40B4-BE49-F238E27FC236}">
                <a16:creationId xmlns:a16="http://schemas.microsoft.com/office/drawing/2014/main" id="{D78BAF47-1CA0-4189-97F1-1955E8254805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9314401" y="1896640"/>
            <a:ext cx="228600" cy="254000"/>
          </a:xfrm>
          <a:prstGeom prst="diamond">
            <a:avLst/>
          </a:prstGeom>
          <a:solidFill>
            <a:srgbClr val="EA698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M_c3fd7ac0df2a42af84f65a96a06df222_Shape">
            <a:extLst>
              <a:ext uri="{FF2B5EF4-FFF2-40B4-BE49-F238E27FC236}">
                <a16:creationId xmlns:a16="http://schemas.microsoft.com/office/drawing/2014/main" id="{C7D406E5-FFB0-46B4-98BB-8B2980EBFCE2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1099262" y="1896640"/>
            <a:ext cx="228600" cy="254000"/>
          </a:xfrm>
          <a:prstGeom prst="diamond">
            <a:avLst/>
          </a:prstGeom>
          <a:solidFill>
            <a:srgbClr val="EA698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M_a7e6f818ea0f46a5a39235f17ba64a11_Shape">
            <a:extLst>
              <a:ext uri="{FF2B5EF4-FFF2-40B4-BE49-F238E27FC236}">
                <a16:creationId xmlns:a16="http://schemas.microsoft.com/office/drawing/2014/main" id="{0C3C33F8-56D4-4802-ACEA-BD8F7B44707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6267078" y="1896640"/>
            <a:ext cx="228600" cy="254000"/>
          </a:xfrm>
          <a:prstGeom prst="diamond">
            <a:avLst/>
          </a:prstGeom>
          <a:solidFill>
            <a:srgbClr val="EA698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636c9a196adc49af811856b0b39b4ea2_Title">
            <a:extLst>
              <a:ext uri="{FF2B5EF4-FFF2-40B4-BE49-F238E27FC236}">
                <a16:creationId xmlns:a16="http://schemas.microsoft.com/office/drawing/2014/main" id="{58D1F0D9-EBA2-49E8-BFC1-3A313E83149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041267" y="1502474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8" dirty="0">
                <a:solidFill>
                  <a:srgbClr val="2C0735"/>
                </a:solidFill>
              </a:rPr>
              <a:t>Certification</a:t>
            </a:r>
          </a:p>
        </p:txBody>
      </p:sp>
      <p:sp>
        <p:nvSpPr>
          <p:cNvPr id="40" name="OTLSHAPE_M_636c9a196adc49af811856b0b39b4ea2_Date">
            <a:extLst>
              <a:ext uri="{FF2B5EF4-FFF2-40B4-BE49-F238E27FC236}">
                <a16:creationId xmlns:a16="http://schemas.microsoft.com/office/drawing/2014/main" id="{EB06C325-F32B-4A55-8980-5CE1239F3E3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162255" y="170122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10">
                <a:solidFill>
                  <a:schemeClr val="dk2"/>
                </a:solidFill>
              </a:rPr>
              <a:t>11/07/25</a:t>
            </a:r>
            <a:endParaRPr lang="en-GB" sz="1100" spc="-10" dirty="0">
              <a:solidFill>
                <a:schemeClr val="dk2"/>
              </a:solidFill>
            </a:endParaRPr>
          </a:p>
        </p:txBody>
      </p:sp>
      <p:sp>
        <p:nvSpPr>
          <p:cNvPr id="42" name="OTLSHAPE_M_c3fd7ac0df2a42af84f65a96a06df222_Title">
            <a:extLst>
              <a:ext uri="{FF2B5EF4-FFF2-40B4-BE49-F238E27FC236}">
                <a16:creationId xmlns:a16="http://schemas.microsoft.com/office/drawing/2014/main" id="{62064AE1-617F-4189-90DE-77BEB201837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865751" y="1502474"/>
            <a:ext cx="69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0" dirty="0">
                <a:solidFill>
                  <a:srgbClr val="2C0735"/>
                </a:solidFill>
              </a:rPr>
              <a:t>Production</a:t>
            </a:r>
          </a:p>
        </p:txBody>
      </p:sp>
      <p:sp>
        <p:nvSpPr>
          <p:cNvPr id="43" name="OTLSHAPE_M_c3fd7ac0df2a42af84f65a96a06df222_Date">
            <a:extLst>
              <a:ext uri="{FF2B5EF4-FFF2-40B4-BE49-F238E27FC236}">
                <a16:creationId xmlns:a16="http://schemas.microsoft.com/office/drawing/2014/main" id="{E93E83A2-D76C-4FE8-9C04-074C4044C3F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947116" y="170122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10">
                <a:solidFill>
                  <a:schemeClr val="dk2"/>
                </a:solidFill>
              </a:rPr>
              <a:t>12/18/25</a:t>
            </a:r>
            <a:endParaRPr lang="en-GB" sz="1100" spc="-10" dirty="0">
              <a:solidFill>
                <a:schemeClr val="dk2"/>
              </a:solidFill>
            </a:endParaRPr>
          </a:p>
        </p:txBody>
      </p:sp>
      <p:sp>
        <p:nvSpPr>
          <p:cNvPr id="48" name="OTLSHAPE_M_a7e6f818ea0f46a5a39235f17ba64a11_Title">
            <a:extLst>
              <a:ext uri="{FF2B5EF4-FFF2-40B4-BE49-F238E27FC236}">
                <a16:creationId xmlns:a16="http://schemas.microsoft.com/office/drawing/2014/main" id="{F389607B-F6BC-4642-9778-F5D83E27A3B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908112" y="1522625"/>
            <a:ext cx="95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6" dirty="0">
                <a:solidFill>
                  <a:srgbClr val="2C0735"/>
                </a:solidFill>
              </a:rPr>
              <a:t>Units Available</a:t>
            </a:r>
          </a:p>
        </p:txBody>
      </p:sp>
      <p:sp>
        <p:nvSpPr>
          <p:cNvPr id="49" name="OTLSHAPE_M_a7e6f818ea0f46a5a39235f17ba64a11_Date">
            <a:extLst>
              <a:ext uri="{FF2B5EF4-FFF2-40B4-BE49-F238E27FC236}">
                <a16:creationId xmlns:a16="http://schemas.microsoft.com/office/drawing/2014/main" id="{634ADB1B-EDDE-4A68-A5CC-5142B735A82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114932" y="172138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10">
                <a:solidFill>
                  <a:schemeClr val="dk2"/>
                </a:solidFill>
              </a:rPr>
              <a:t>08/29/25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4B115BC1-8893-7997-6016-98E57B14289B}"/>
              </a:ext>
            </a:extLst>
          </p:cNvPr>
          <p:cNvSpPr txBox="1"/>
          <p:nvPr/>
        </p:nvSpPr>
        <p:spPr>
          <a:xfrm>
            <a:off x="4209157" y="389033"/>
            <a:ext cx="399403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Project Template</a:t>
            </a:r>
          </a:p>
        </p:txBody>
      </p:sp>
      <p:pic>
        <p:nvPicPr>
          <p:cNvPr id="13" name="Picture 12" descr="Icon&#10;&#10;Description automatically generated">
            <a:extLst>
              <a:ext uri="{FF2B5EF4-FFF2-40B4-BE49-F238E27FC236}">
                <a16:creationId xmlns:a16="http://schemas.microsoft.com/office/drawing/2014/main" id="{54C78D06-50F7-3D6B-6F18-588E18012B26}"/>
              </a:ext>
            </a:extLst>
          </p:cNvPr>
          <p:cNvPicPr>
            <a:picLocks noChangeAspect="1"/>
          </p:cNvPicPr>
          <p:nvPr/>
        </p:nvPicPr>
        <p:blipFill>
          <a:blip r:embed="rId10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40682" y="4055605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677642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yZTRlMTAxNS02Y2YyLTRjMWMtYWU4Mi04M2E2ZDk1ZTdlMTciLCJJbmRleCI6MCwiR3JvdXBJZCI6bnVsbCwiVGl0bGUiOiJNZWNoYW5pY2FsIERlc2lnbiIsIkRhdGVUaW1lIjoiMjAyNS0wNS0wOFQyMzo1OTowMCIsIlBlcmNlbnRhZ2VDb21wbGV0ZSI6bnVsbCwiTm90ZSI6bnVsbCwiU3R5bGUiOnsiJGlkIjoiNiIsIlRpdGxlUG9zaXRpb24iOiJSaWdodCIsIkRhdGVQb3NpdGlvbiI6IlJpZ2h0IiwiU2hhcGVUeXBlIjoxLCJTaGFwZVNpemUiOjEsIlNwYWNpbmciOjU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NDQsIkciOjcsIkIiOjUz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iwiRm9udE5hbWUiOiJDYWxpYnJpIiwiSXNCb2xkIjp0cnVlLCJJc0l0YWxpYyI6ZmFsc2UsIklzVW5kZXJsaW5lZCI6ZmFsc2UsIlBhcmVudFN0eWxlIjpudWxsfSwiQXV0b1NpemUiOjIsIkZvcmVncm91bmQiOnsiJGlkIjoiMTciLCJDb2xvciI6eyIkaWQiOiIxOCIsIkEiOjI1NSwiUiI6NDQsIkciOjcsIkIiOjUzfX0sIk1heFdpZHRoIjoxMTcuM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xMSwiRm9udE5hbWUiOiJDYWxpYnJpIiwiSXNCb2xkIjpmYWxzZSwiSXNJdGFsaWMiOmZhbHNlLCJJc1VuZGVybGluZWQiOmZhbHNlLCJQYXJlbnRTdHlsZSI6bnVsbH0sIkF1dG9TaXplIjoyLCJGb3JlZ3JvdW5kIjp7IiRpZCI6IjI1IiwiQ29sb3IiOnsiJGlkIjoiMjYiLCJBIjoyNTUsIlIiOjY4LCJHIjo4NCwiQiI6MTA2fX0sIk1heFdpZHRoIjo0Ny4wLCJNYXhIZWlnaHQiOiJJbmZpbml0eSIsIlNtYXJ0Rm9yZWdyb3VuZElzQWN0aXZlIjpmYWxzZSwiSG9yaXpvbnRhbEFsaWdubWVudCI6MC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nRydWUsIlRpbWVQYXJ0SXNWaXNpYmxlIjpmYWxzZX19LCJXZWVrTnVtYmVyaW5nIjp7IiRpZCI6IjMz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wLCJSIjoyNTUsIkciOjI1NSwiQiI6MjU1fX0sIklzVmlzaWJsZSI6dHJ1ZSwiV2lkdGgiOjAuMCwiSGVpZ2h0IjowLjAsIkJvcmRlclN0eWxlIjpudWxsLCJQYXJlbnRTdHlsZSI6bnVsbH0sIkRhdGVGb3JtYXQiOnsiJGlkIjoiOTA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5MSIsIkRhdGVQYXJ0SXNWaXNpYmxlIjp0cnVlLCJUaW1lUGFydElzVmlzaWJsZSI6ZmFsc2V9fSwiV2Vla051bWJlcmluZyI6eyIkaWQiOiI5Mi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IyMSIsIlRvcCI6MC4wLCJMZWZ0IjowLjAsIlJpZ2h0IjowLjAsIkJvdHRvbSI6MC4wfSwiUGFkZGluZyI6eyIkaWQiOiIyMjIiLCJUb3AiOjAuMCwiTGVmdCI6MC4wLCJSaWdodCI6MC4wLCJCb3R0b20iOjAuMH0sIkJhY2tncm91bmQiOnsiJGlkIjoiMjIzIiwiQ29sb3IiOnsiJHJlZiI6IjE4OCJ9fSwiSXNWaXNpYmxlIjp0cnVlLCJXaWR0aCI6MC4wLCJIZWlnaHQiOjAuMCwiQm9yZGVyU3R5bGUiOm51bGwsIlBhcmVudFN0eWxlIjpudWxsfSwiRGF0ZUZvcm1hdCI6eyIkaWQiOiIy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1IiwiRm9ybWF0IjowLCJJc1Zpc2libGUiOmZhbHNlLCJMYXN0S25vd25WaXNpYmlsaXR5U3RhdGUiOmZhbHNlfSwiSXNWaXNpYmxlIjp0cnVlLCJQYXJlbnRTdHlsZSI6bnVsbCwiX2V4cGxpY2l0bHlTZXQiOnsiJGlkIjoiMj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zIiwiVG9wIjowLjAsIkxlZnQiOjAuMCwiUmlnaHQiOjAuMCwiQm90dG9tIjowLjB9LCJQYWRkaW5nIjp7IiRpZCI6IjI1NCIsIlRvcCI6MC4wLCJMZWZ0IjowLjAsIlJpZ2h0IjowLjAsIkJvdHRvbSI6MC4wfSwiQmFja2dyb3VuZCI6eyIkaWQiOiIyNTUiLCJDb2xvciI6eyIkcmVmIjoiMjQ4In19LCJJc1Zpc2libGUiOnRydWUsIldpZHRoIjowLjAsIkhlaWdodCI6MC4wLCJCb3JkZXJTdHlsZSI6bnVsbCwiUGFyZW50U3R5bGUiOm51bGx9LCJEYXRlRm9ybWF0Ijp7IiRpZCI6IjI1Ni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CIsIlRvcCI6MC4wLCJMZWZ0IjowLjAsIlJpZ2h0IjowLjAsIkJvdHRvbSI6MC4wfSwiUGFkZGluZyI6eyIkaWQiOiIyODEiLCJUb3AiOjAuMCwiTGVmdCI6MC4wLCJSaWdodCI6MC4wLCJCb3R0b20iOjAuMH0sIkJhY2tncm91bmQiOnsiJGlkIjoiMjgyIiwiQ29sb3IiOnsiJGlkIjoiMjgzIiwiQSI6MCwiUiI6MjU1LCJHIjoyNTUsIkIiOjI1NX19LCJJc1Zpc2libGUiOnRydWUsIldpZHRoIjowLjAsIkhlaWdodCI6MC4wLCJCb3JkZXJTdHlsZSI6bnVsbCwiUGFyZW50U3R5bGUiOm51bGx9LCJEYXRlRm9ybWF0Ijp7IiRpZCI6IjI4N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eyIkaWQiOiIzNzIiLCJDb2xvciI6eyIkaWQiOiIzNzMiLCJBIjowLCJSIjoyNTUsIkciOjI1NSwiQiI6MjU1fX0sIklzVmlzaWJsZSI6dHJ1ZSwiV2lkdGgiOjAuMCwiSGVpZ2h0IjowLjAsIkJvcmRlclN0eWxlIjpudWxsLCJQYXJlbnRTdHlsZSI6bnVsbH0sIkRhdGVGb3JtYXQiOnsiJGlkIjoiMzc0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wLCJHIjowLCJCIjowfX0sIklzVmlzaWJsZSI6dHJ1ZSwiV2lkdGgiOjAuMCwiSGVpZ2h0IjowLjAsIkJvcmRlclN0eWxlIjpudWxsLCJQYXJlbnRTdHlsZSI6bnVsbH0sIkR1cmF0aW9uU3R5bGUiOnsiJGlkIjoiNDQ0IiwiRm9udFNldHRpbmdzIjp7IiRpZCI6IjQ0NSIsIkZvbnRTaXplIjo5LCJGb250TmFtZSI6IkFyaWFsIiwiSXNCb2xkIjpmYWxzZSwiSXNJdGFsaWMiOmZhbHNlLCJJc1VuZGVybGluZWQiOmZhbHNlLCJQYXJlbnRTdHlsZSI6bnVsbH0sIkF1dG9TaXplIjowLCJGb3JlZ3JvdW5kIjp7IiRpZCI6IjQ0NiIsIkNvbG9yIjp7IiRpZCI6IjQ0Ny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NDc2IiwiVG9wIjowLjAsIkxlZnQiOjAuMCwiUmlnaHQiOjAuMCwiQm90dG9tIjowLjB9LCJQYWRkaW5nIjp7IiRpZCI6IjQ3NyIsIlRvcCI6MC4wLCJMZWZ0IjowLjAsIlJpZ2h0IjowLjAsIkJvdHRvbSI6MC4wfSwiQmFja2dyb3VuZCI6eyIkaWQiOiI0NzgiLCJDb2xvciI6eyIkcmVmIjoiNDQzIn19LCJJc1Zpc2libGUiOnRydWUsIldpZHRoIjowLjAsIkhlaWdodCI6MC4wLCJCb3JkZXJTdHlsZSI6bnVsbCwiUGFyZW50U3R5bGUiOm51bGx9LCJEYXRlRm9ybWF0Ijp7IiRpZCI6IjQ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AiLCJGb3JtYXQiOjAsIklzVmlzaWJsZSI6ZmFsc2UsIkxhc3RLbm93blZpc2liaWxpdHlTdGF0ZSI6ZmFsc2V9LCJJc1Zpc2libGUiOnRydWUsIlBhcmVudFN0eWxlIjpudWxsLCJfZXhwbGljaXRseVNldCI6eyIkaWQiOiI0O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HJlZiI6IjUwMyJ9fSwiSXNWaXNpYmxlIjp0cnVlLCJXaWR0aCI6MC4wLCJIZWlnaHQiOjAuMCwiQm9yZGVyU3R5bGUiOm51bGwsIlBhcmVudFN0eWxlIjpudWxsfSwiRGF0ZUZvcm1hdCI6eyIkaWQiOiI1MTE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pZCI6IjUzNyIsIkNvbG9yIjp7IiRpZCI6IjUzOCIsIkEiOjAsIlIiOjI1NSwiRyI6MjU1LCJCIjoyNTV9fSwiSXNWaXNpYmxlIjp0cnVlLCJXaWR0aCI6MC4wLCJIZWlnaHQiOjAuMCwiQm9yZGVyU3R5bGUiOm51bGwsIlBhcmVudFN0eWxlIjpudWxsfSwiRGF0ZUZvcm1hdCI6eyIkaWQiOiI1Mzk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AsIlIiOjI1NSwiRyI6MjU1LCJCIjoyNTV9fSwiSXNWaXNpYmxlIjp0cnVlLCJXaWR0aCI6MC4wLCJIZWlnaHQiOjAuMCwiQm9yZGVyU3R5bGUiOm51bGwsIlBhcmVudFN0eWxlIjpudWxsfSwiRGF0ZUZvcm1hdCI6eyIkaWQiOiI2MDA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pZCI6IjYyNSIsIkNvbG9yIjp7IiRpZCI6IjYyNiIsIkEiOjAsIlIiOjI1NSwiRyI6MjU1LCJCIjoyNTV9fSwiSXNWaXNpYmxlIjp0cnVlLCJXaWR0aCI6MC4wLCJIZWlnaHQiOjAuMCwiQm9yZGVyU3R5bGUiOm51bGwsIlBhcmVudFN0eWxlIjpudWxsfSwiRGF0ZUZvcm1hdCI6eyIkaWQiOiI2Mjc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GlkIjoiNzIyIiwiQ29sb3IiOnsiJGlkIjoiNzIzIiwiQSI6MCwiUiI6MCwiRyI6MCwiQiI6MH19LCJJc1Zpc2libGUiOnRydWUsIldpZHRoIjowLjAsIkhlaWdodCI6MC4wLCJCb3JkZXJTdHlsZSI6bnVsbCwiUGFyZW50U3R5bGUiOm51bGx9LCJEdXJhdGlvblN0eWxlIjp7IiRpZCI6IjcyNCIsIkZvbnRTZXR0aW5ncyI6eyIkaWQiOiI3MjUiLCJGb250U2l6ZSI6OSwiRm9udE5hbWUiOiJBcmlhbCIsIklzQm9sZCI6ZmFsc2UsIklzSXRhbGljIjpmYWxzZSwiSXNVbmRlcmxpbmVkIjpmYWxzZSwiUGFyZW50U3R5bGUiOm51bGx9LCJBdXRvU2l6ZSI6MCwiRm9yZWdyb3VuZCI6eyIkaWQiOiI3MjYiLCJDb2xvciI6eyIkaWQiOiI3Mj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c1NiIsIlRvcCI6MC4wLCJMZWZ0IjowLjAsIlJpZ2h0IjowLjAsIkJvdHRvbSI6MC4wfSwiUGFkZGluZyI6eyIkaWQiOiI3NTciLCJUb3AiOjAuMCwiTGVmdCI6MC4wLCJSaWdodCI6MC4wLCJCb3R0b20iOjAuMH0sIkJhY2tncm91bmQiOnsiJGlkIjoiNzU4IiwiQ29sb3IiOnsiJHJlZiI6IjcyMyJ9fSwiSXNWaXNpYmxlIjp0cnVlLCJXaWR0aCI6MC4wLCJIZWlnaHQiOjAuMCwiQm9yZGVyU3R5bGUiOm51bGwsIlBhcmVudFN0eWxlIjpudWxsfSwiRGF0ZUZvcm1hdCI6eyIkaWQiOiI3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wIiwiRm9ybWF0IjowLCJJc1Zpc2libGUiOmZhbHNlLCJMYXN0S25vd25WaXNpYmlsaXR5U3RhdGUiOmZhbHNlfSwiSXNWaXNpYmxlIjp0cnVlLCJQYXJlbnRTdHlsZSI6bnVsbCwiX2V4cGxpY2l0bHlTZXQiOnsiJGlkIjoiNz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giLCJUb3AiOjAuMCwiTGVmdCI6MC4wLCJSaWdodCI6MC4wLCJCb3R0b20iOjAuMH0sIlBhZGRpbmciOnsiJGlkIjoiNzg5IiwiVG9wIjowLjAsIkxlZnQiOjAuMCwiUmlnaHQiOjAuMCwiQm90dG9tIjowLjB9LCJCYWNrZ3JvdW5kIjp7IiRpZCI6Ijc5MCIsIkNvbG9yIjp7IiRyZWYiOiI3ODMifX0sIklzVmlzaWJsZSI6dHJ1ZSwiV2lkdGgiOjAuMCwiSGVpZ2h0IjowLjAsIkJvcmRlclN0eWxlIjpudWxsLCJQYXJlbnRTdHlsZSI6bnVsbH0sIkRhdGVGb3JtYXQiOnsiJGlkIjoiNzkx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GlkIjoiODEwIiwiQSI6MCwiUiI6MjU1LCJHIjoyNTUsIkIiOjI1NX19LCJJc1Zpc2libGUiOnRydWUsIldpZHRoIjowLjAsIkhlaWdodCI6MC4wLCJCb3JkZXJTdHlsZSI6bnVsbCwiUGFyZW50U3R5bGUiOm51bGx9LCJEYXRlU3R5bGUiOnsiJGlkIjoiODExIiwiRm9udFNldHRpbmdzIjp7IiRpZCI6IjgxMiIsIkZvbnRTaXplIjoxMSwiRm9udE5hbWUiOiJDYWxpYnJpIiwiSXNCb2xkIjpmYWxzZSwiSXNJdGFsaWMiOmZhbHNlLCJJc1VuZGVybGluZWQiOmZhbHNlLCJQYXJlbnRTdHlsZSI6bnVsbH0sIkF1dG9TaXplIjowLCJGb3JlZ3JvdW5kIjp7IiRpZCI6IjgxMyIsIkNvbG9yIjp7IiRpZCI6Ijgx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E1IiwiVG9wIjowLjAsIkxlZnQiOjAuMCwiUmlnaHQiOjAuMCwiQm90dG9tIjowLjB9LCJQYWRkaW5nIjp7IiRpZCI6IjgxNiIsIlRvcCI6MC4wLCJMZWZ0IjowLjAsIlJpZ2h0IjowLjAsIkJvdHRvbSI6MC4wfSwiQmFja2dyb3VuZCI6eyIkaWQiOiI4MTciLCJDb2xvciI6eyIkaWQiOiI4MTgiLCJBIjowLCJSIjoyNTUsIkciOjI1NSwiQiI6MjU1fX0sIklzVmlzaWJsZSI6dHJ1ZSwiV2lkdGgiOjAuMCwiSGVpZ2h0IjowLjAsIkJvcmRlclN0eWxlIjpudWxsLCJQYXJlbnRTdHlsZSI6bnVsbH0sIkRhdGVGb3JtYXQiOnsiJGlkIjoiODE5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AwOSIsIlRvcCI6MC4wLCJMZWZ0IjowLjAsIlJpZ2h0IjowLjAsIkJvdHRvbSI6MC4wfSwiUGFkZGluZyI6eyIkaWQiOiIxMDEwIiwiVG9wIjowLjAsIkxlZnQiOjAuMCwiUmlnaHQiOjAuMCwiQm90dG9tIjowLjB9LCJCYWNrZ3JvdW5kIjp7IiRpZCI6IjEwMTEiLCJDb2xvciI6eyIkcmVmIjoiOTc2In19LCJJc1Zpc2libGUiOnRydWUsIldpZHRoIjowLjAsIkhlaWdodCI6MC4wLCJCb3JkZXJTdHlsZSI6bnVsbCwiUGFyZW50U3R5bGUiOm51bGx9LCJEYXRlRm9ybWF0Ijp7IiRpZCI6IjEw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MyIsIkZvcm1hdCI6MCwiSXNWaXNpYmxlIjpmYWxzZSwiTGFzdEtub3duVmlzaWJpbGl0eVN0YXRlIjpmYWxzZX0sIklzVmlzaWJsZSI6dHJ1ZSwiUGFyZW50U3R5bGUiOm51bGwsIl9leHBsaWNpdGx5U2V0Ijp7IiRpZCI6IjEwM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QxIiwiVG9wIjowLjAsIkxlZnQiOjAuMCwiUmlnaHQiOjAuMCwiQm90dG9tIjowLjB9LCJQYWRkaW5nIjp7IiRpZCI6IjEwNDIiLCJUb3AiOjAuMCwiTGVmdCI6MC4wLCJSaWdodCI6MC4wLCJCb3R0b20iOjAuMH0sIkJhY2tncm91bmQiOnsiJGlkIjoiMTA0MyIsIkNvbG9yIjp7IiRyZWYiOiIxMDM2In19LCJJc1Zpc2libGUiOnRydWUsIldpZHRoIjowLjAsIkhlaWdodCI6MC4wLCJCb3JkZXJTdHlsZSI6bnVsbCwiUGFyZW50U3R5bGUiOm51bGx9LCJEYXRlRm9ybWF0Ijp7IiRpZCI6IjEwNDQ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2OCIsIlRvcCI6MC4wLCJMZWZ0IjowLjAsIlJpZ2h0IjowLjAsIkJvdHRvbSI6MC4wfSwiUGFkZGluZyI6eyIkaWQiOiIxMDY5IiwiVG9wIjowLjAsIkxlZnQiOjAuMCwiUmlnaHQiOjAuMCwiQm90dG9tIjowLjB9LCJCYWNrZ3JvdW5kIjp7IiRpZCI6IjEwNzAiLCJDb2xvciI6eyIkaWQiOiIxMDcxIiwiQSI6MCwiUiI6MjU1LCJHIjoyNTUsIkIiOjI1NX19LCJJc1Zpc2libGUiOnRydWUsIldpZHRoIjowLjAsIkhlaWdodCI6MC4wLCJCb3JkZXJTdHlsZSI6bnVsbCwiUGFyZW50U3R5bGUiOm51bGx9LCJEYXRlRm9ybWF0Ijp7IiRpZCI6IjEwNzI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TciLCJUb3AiOjAuMCwiTGVmdCI6MC4wLCJSaWdodCI6MC4wLCJCb3R0b20iOjAuMH0sIlBhZGRpbmciOnsiJGlkIjoiMTIxOCIsIlRvcCI6MC4wLCJMZWZ0IjowLjAsIlJpZ2h0IjowLjAsIkJvdHRvbSI6MC4wfSwiQmFja2dyb3VuZCI6eyIkaWQiOiIxMjE5IiwiQ29sb3IiOnsiJGlkIjoiMTIyMCIsIkEiOjAsIlIiOjI1NSwiRyI6MjU1LCJCIjoyNTV9fSwiSXNWaXNpYmxlIjp0cnVlLCJXaWR0aCI6MC4wLCJIZWlnaHQiOjAuMCwiQm9yZGVyU3R5bGUiOm51bGwsIlBhcmVudFN0eWxlIjpudWxsfSwiRGF0ZUZvcm1hdCI6eyIkaWQiOiIxMjIx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NTAiLCJUb3AiOjAuMCwiTGVmdCI6MC4wLCJSaWdodCI6MC4wLCJCb3R0b20iOjAuMH0sIlBhZGRpbmciOnsiJGlkIjoiMTI1MSIsIlRvcCI6MC4wLCJMZWZ0IjowLjAsIlJpZ2h0IjowLjAsIkJvdHRvbSI6MC4wfSwiQmFja2dyb3VuZCI6eyIkaWQiOiIxMjUyIiwiQ29sb3IiOnsiJGlkIjoiMTI1MyIsIkEiOjAsIlIiOjI1NSwiRyI6MjU1LCJCIjoyNTV9fSwiSXNWaXNpYmxlIjp0cnVlLCJXaWR0aCI6MC4wLCJIZWlnaHQiOjAuMCwiQm9yZGVyU3R5bGUiOm51bGwsIlBhcmVudFN0eWxlIjpudWxsfSwiRGF0ZUZvcm1hdCI6eyIkaWQiOiIxMjU0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5NyIsIlRvcCI6MC4wLCJMZWZ0IjowLjAsIlJpZ2h0IjowLjAsIkJvdHRvbSI6MC4wfSwiUGFkZGluZyI6eyIkaWQiOiIxMjk4IiwiVG9wIjowLjAsIkxlZnQiOjAuMCwiUmlnaHQiOjAuMCwiQm90dG9tIjowLjB9LCJCYWNrZ3JvdW5kIjp7IiRpZCI6IjEyOTkiLCJDb2xvciI6eyIkcmVmIjoiMTE1MyJ9fSwiSXNWaXNpYmxlIjp0cnVlLCJXaWR0aCI6MC4wLCJIZWlnaHQiOjAuMCwiQm9yZGVyU3R5bGUiOm51bGwsIlBhcmVudFN0eWxlIjpudWxsfSwiRGF0ZUZvcm1hdCI6eyIkaWQiOiIxMz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EiLCJGb3JtYXQiOjAsIklzVmlzaWJsZSI6ZmFsc2UsIkxhc3RLbm93blZpc2liaWxpdHlTdGF0ZSI6ZmFsc2V9LCJJc1Zpc2libGUiOnRydWUsIlBhcmVudFN0eWxlIjpudWxsLCJfZXhwbGljaXRseVNldCI6eyIkaWQiOiIxMzA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GlkIjoiMTMyNiIsIkNvbG9yIjp7IiRpZCI6IjEzMjciLCJBIjowLCJSIjowLCJHIjowLCJCIjowfX0sIklzVmlzaWJsZSI6dHJ1ZSwiV2lkdGgiOjAuMCwiSGVpZ2h0IjowLjAsIkJvcmRlclN0eWxlIjpudWxsLCJQYXJlbnRTdHlsZSI6bnVsbH0sIkRhdGVGb3JtYXQiOnsiJGlkIjoiMTMyO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mYWxzZSxcIldpZHRoXCI6MC4wLFwiSGVpZ2h0XCI6MC4wLFwiQm9yZGVyU3R5bGVcIjpudWxsfSxcIlRvZGF5TWFya2VyUG9zaXRpb25cIjozLFwiSXNWaXNpYmxlXCI6ZmFsc2V9LFwiU2NhbGVTdHlsZVwiOntcIiRpZFwiOlwiMjNcIixcIlNob3dTZWdtZW50U2VwYXJhdG9yc1wiOnRydWUsXCJTZWdtZW50U2VwYXJhdG9yT3BhY2l0eVwiOjMwLFwiU2hhcGVcIjowLFwiU2VnbWVudFRleHRTdHlsZVwiOntcIiRpZFwiOlwiMjRcIixcIkZvbnRTZXR0aW5nc1wiOntcIiRpZFwiOlwiMjVcIixcIkZvbnRTaXplXCI6MTQ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NDQsXCJHXCI6NyxcIkJcIjo1M3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MxLFwiR1wiOjIzMCxcIkJcIjoyMz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MxLFwiR1wiOjczLFwiQlwiOjEyNX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ksXCJGb250TmFtZVwiOlwiQXJpYWxcIixcIklzQm9sZFwiOmZhbHNlLFwiSXNJdGFsaWNcIjpmYWxzZSxcIklzVW5kZXJsaW5lZFwiOmZhbHNlfSxcIkZvcmVncm91bmRcIjp7XCIkaWRcIjpcIjQ3XCIsXCJDb2xvclwiOntcIiRpZFwiOlwiNDhcIixcIkFcIjoyNTUsXCJSXCI6MTkxLFwiR1wiOjE5MSxcIkJcIjoxOTF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5LFwiRm9udE5hbWVcIjpcIkFyaWFs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NDQsXCJHXCI6NyxcIkJcIjo1M3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AsXCJGb250TmFtZVwiOlwiQXJpYWxcIixcIklzQm9sZFwiOnRydW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OSxcIkZvbnROYW1lXCI6XCJBcmlhbF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QsXCJHXCI6MTA1LFwiQlwiOjEz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kNhbGlicmlcIixcIklzQm9sZFwiOnRydWUsXCJJc0l0YWxpY1wiOmZhbHNlLFwiSXNVbmRlcmxpbmVkXCI6ZmFsc2V9LFwiRm9yZWdyb3VuZFwiOntcIiRpZFwiOlwiOTdcIixcIkNvbG9yXCI6e1wiJGlkXCI6XCI5OFwiLFwiQVwiOjI1NSxcIlJcIjo0NCxcIkdcIjo3LFwiQlwiOjUzfX0sXCJIb3Jpem9udGFsQWxpZ25tZW50XCI6MSxcIklzVmlzaWJsZVwiOnRydWV9LFwiRGF0ZVN0eWxlXCI6e1wiJGlkXCI6XCI5OVwiLFwiRm9udFNldHRpbmdzXCI6e1wiJGlkXCI6XCIxMDBcIixcIkZvbnRTaXplXCI6MTE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S9kZC9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NCxcIkdcIjoxMDUsXCJCXCI6MTM5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Q2FsaWJyaVwiLFwiSXNCb2xkXCI6dHJ1ZSxcIklzSXRhbGljXCI6ZmFsc2UsXCJJc1VuZGVybGluZWRcIjpmYWxzZX0sXCJGb3JlZ3JvdW5kXCI6e1wiJGlkXCI6XCIxMThcIixcIkNvbG9yXCI6e1wiJGlkXCI6XCIxMTlcIixcIkFcIjoyNTUsXCJSXCI6NDQsXCJHXCI6NyxcIkJcIjo1M319LFwiSG9yaXpvbnRhbEFsaWdubWVudFwiOjEsXCJJc1Zpc2libGVcIjp0cnVlfSxcIkRhdGVTdHlsZVwiOntcIiRpZFwiOlwiMTIwXCIsXCJGb250U2V0dGluZ3NcIjp7XCIkaWRcIjpcIjEyMVwiLFwiRm9udFNpemVcIjoxMS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L2RkL3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iZTAxM2MzMC1jYjYwLTQ4YWMtYjU5NC1kODZjMjNmNTNhY2N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0NCxcIkdcIjo3LFwiQlwiOjUz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M5LFwiR1wiOjUyLFwiQlwiOjEwN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zksXCJHXCI6NTIsXCJCXCI6MTA1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M5LFwiR1wiOjUyLFwiQlwiOjEw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i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Q0LFwiR1wiOjcsXCJCXCI6N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ixcIkZvbnROYW1lXCI6XCJDYWxpYnJpXCIsXCJJc0JvbGRcIjp0cnVlLFwiSXNJdGFsaWNcIjpmYWxzZSxcIklzVW5kZXJsaW5lZFwiOmZhbHNlfSxcIkZvcmVncm91bmRcIjp7XCIkaWRcIjpcIjE4NlwiLFwiQ29sb3JcIjp7XCIkaWRcIjpcIjE4N1wiLFwiQVwiOjI1NSxcIlJcIjo0NCxcIkdcIjo3LFwiQlwiOjUzfX0sXCJIb3Jpem9udGFsQWxpZ25tZW50XCI6MCxcIklzVmlzaWJsZVwiOnRydWV9LFwiRGF0ZVN0eWxlXCI6e1wiJGlkXCI6XCIxODhcIixcIkZvbnRTZXR0aW5nc1wiOntcIiRpZFwiOlwiMTg5XCIsXCJGb250U2l6ZVwiOjEx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0vZGQveXl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DQsXCJHXCI6NyxcIkJcIjo1M319LFwiSXNWaXNpYmxlXCI6dHJ1ZSxcIldpZHRoXCI6MC4wLFwiSGVpZ2h0XCI6MTY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AsXCJGb250TmFtZVwiOlwiQXJpYWxcIixcIklzQm9sZFwiOnRydW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ksXCJGb250TmFtZVwiOlwiQXJpYWxcIixcIklzQm9sZFwiOmZhbHNlLFwiSXNJdGFsaWNcIjpmYWxzZSxcIklzVW5kZXJsaW5lZFwiOmZhbHNlfSxcIkZvcmVncm91bmRcIjp7XCIkaWRcIjpcIjIyMlwiLFwiQ29sb3JcIjp7XCIkaWRcIjpcIjIyM1wiLFwiQVwiOjI1NSxcIlJcIjo2OCxcIkdcIjo4NCxcIkJcIjoxMDZ9fSxcIkhvcml6b250YWxBbGlnbm1lbnRcIjow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wLFwiU2hhcGVTaXplXCI6MSxcIkRldGFpbHNTcGFjaW5nXCI6MS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0NCxcIkdcIjo3LFwiQlwiOjUzfX0sXCJJc1Zpc2libGVcIjp0cnVlLFwiV2lkdGhcIjoxOC4wLFwiSGVpZ2h0XCI6MjA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IsXCJGb250TmFtZVwiOlwiTW9udHNlcnJhdCBNZWRpdW1cIixcIklzQm9sZFwiOnRydWUsXCJJc0l0YWxpY1wiOmZhbHNlLFwiSXNVbmRlcmxpbmVkXCI6ZmFsc2V9LFwiRm9yZWdyb3VuZFwiOntcIiRpZFwiOlwiMjM5XCIsXCJDb2xvclwiOntcIiRpZFwiOlwiMjQwXCIsXCJBXCI6MjU1LFwiUlwiOjQ0LFwiR1wiOjcsXCJCXCI6NTN9fSxcIkhvcml6b250YWxBbGlnbm1lbnRcIjoxLFwiSXNWaXNpYmxlXCI6dHJ1ZX0sXCJEYXRlU3R5bGVcIjp7XCIkaWRcIjpcIjI0MVwiLFwiRm9udFNldHRpbmdzXCI6e1wiJGlkXCI6XCIyNDJcIixcIkZvbnRTaXplXCI6MTEsXCJGb250TmFtZVwiOlwiTW9udHNlcnJhdCBMaWdodF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S9kZC95eV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wNTgzNzA2Ny1iN2JlLTQ3ZmUtODc5ZC03ZDg1ZmY2NjM1MTlcIixcIk5hbWVcIjpcIlN3aW1sYW5lIFN0eWxlIDJcIixcIkhlYWRlclN0eWxlXCI6e1wiJGlkXCI6XCIyNDhcIixcIlRleHRTdHlsZVwiOntcIiRpZFwiOlwiMjQ5XCIsXCJGb250U2V0dGluZ3NcIjp7XCIkaWRcIjpcIjI1MFwiLFwiRm9udFNpemVcIjoxMi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w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3OCxcIkdcIjoyMCxcIkJcIjoxNDB9fSxcIklzVmlzaWJsZVwiOnRydWUsXCJXaWR0aFwiOjAuMCxcIkhlaWdodFwiOjAuMCxcIkJvcmRlclN0eWxlXCI6e1wiJGlkXCI6XCIyNThcIixcIkxpbmVTdHlsZVwiOntcIiRpZFwiOlwiMjU5XCIsXCJMaW5lQ29sb3JcIjp7XCIkaWRcIjpcIjI2MFwiLFwiQ29sb3JcIjp7XCIkaWRcIjpcIjI2MVwiLFwiQVwiOjI1NSxcIlJcIjo0NyxcIkdcIjo4MixcIkJcIjoxNDN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3OCxcIkdcIjoyMCxcIkJcIjoxN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c4LFwiR1wiOjIwLFwiQlwiOjE0MH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3OCxcIkdcIjoyMCxcIkJcIjoxN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CxcIkRhdGVQb3NpdGlvblwiOjAsXCJTaGFwZVR5cGVcIjoxLFwiU2hhcGVTaXplXCI6MS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3OCxcIkdcIjoyMCxcIkJcIjoxNDB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zgsXCJHXCI6MjAsXCJCXCI6MTQwfX0sXCJJc1Zpc2libGVcIjp0cnVlLFwiV2lkdGhcIjowLjAsXCJIZWlnaHRcIjoxNi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CxcIkZvbnROYW1lXCI6XCJBcmlhbFwiLFwiSXNCb2xkXCI6dHJ1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OSxcIkZvbnROYW1lXCI6XCJBcmlhbF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AsXCJTaGFwZVNpemVcIjoxLFwiRGV0YWlsc1NwYWNpbmdcIjox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c4LFwiR1wiOjIwLFwiQlwiOjE0MH19LFwiSXNWaXNpYmxlXCI6dHJ1ZSxcIldpZHRoXCI6MTguMCxcIkhlaWdodFwiOjIw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MDY3Mzk4ZWItZjllYS00Mzk2LWFjZWMtMTg0NTkwM2EyZmRjXCIsXCJOYW1lXCI6XCJTd2ltbGFuZSBTdHlsZSAzXCIsXCJIZWFkZXJTdHlsZVwiOntcIiRpZFwiOlwiMzY5XCIsXCJUZXh0U3R5bGVcIjp7XCIkaWRcIjpcIjM3MFwiLFwiRm9udFNldHRpbmdzXCI6e1wiJGlkXCI6XCIzNzFcIixcIkZvbnRTaXplXCI6MTI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C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OTcsXCJHXCI6NjEsXCJCXCI6MTkzfX0sXCJJc1Zpc2libGVcIjp0cnVlLFwiV2lkdGhcIjowLjAsXCJIZWlnaHRcIjowLjAsXCJCb3JkZXJTdHlsZVwiOntcIiRpZFwiOlwiMzc5XCIsXCJMaW5lU3R5bGVcIjp7XCIkaWRcIjpcIjM4MFwiLFwiTGluZUNvbG9yXCI6e1wiJGlkXCI6XCIzODFcIixcIkNvbG9yXCI6e1wiJGlkXCI6XCIzODJcIixcIkFcIjoyNTUsXCJSXCI6NDcsXCJHXCI6ODIsXCJCXCI6MTQz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OTcsXCJHXCI6NjEsXCJCXCI6MTkz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5NyxcIkdcIjo2MSxcIkJcIjoxOTN9fSxcIklzVmlzaWJsZVwiOnRydW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OTcsXCJHXCI6NjEsXCJCXCI6MTkz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wLFwiU2hhcGVUeXBlXCI6MS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csXCJHXCI6NjEsXCJCXCI6MTkzfX0sXCJJc1Zpc2libGVcIjp0cnVlLFwiV2lkdGhcIjoxOC4wLFwiSGVpZ2h0XCI6MjA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0LFwiRW5kRGF0ZVBvc2l0aW9uXCI6NCxcIlRpdGxlUG9zaXRpb25cIjozLFwiRHVyYXRpb25Qb3NpdGlvblwiOjAsXCJQZXJjZW50YWdlQ29tcGxldGVkUG9zaXRpb25cIjowLFwiU3BhY2luZ1wiOjU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k3LFwiR1wiOjYxLFwiQlwiOjE5M319LFwiSXNWaXNpYmxlXCI6dHJ1ZSxcIldpZHRoXCI6MC4wLFwiSGVpZ2h0XCI6MTY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AsXCJGb250TmFtZVwiOlwiQXJpYWxcIixcIklzQm9sZFwiOnRydW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ksXCJGb250TmFtZVwiOlwiQXJpYWxcIixcIklzQm9sZFwiOmZhbHNlLFwiSXNJdGFsaWNcIjpmYWxzZSxcIklzVW5kZXJsaW5lZFwiOmZhbHNlfSxcIkZvcmVncm91bmRcIjp7XCIkaWRcIjpcIjQ2NFwiLFwiQ29sb3JcIjp7XCIkaWRcIjpcIjQ2NVwiLFwiQVwiOjI1NSxcIlJcIjo2OCxcIkdcIjo4NCxcIkJcIjoxMDZ9fSxcIkhvcml6b250YWxBbGlnbm1lbnRcIjow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wLFwiU2hhcGVTaXplXCI6MSxcIkRldGFpbHNTcGFjaW5nXCI6MS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5NyxcIkdcIjo2MSxcIkJcIjoxOTN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ixcIkZvbnROYW1lXCI6XCJNb250c2VycmF0IE1lZGl1bVwiLFwiSXNCb2xkXCI6dHJ1ZSxcIklzSXRhbGljXCI6ZmFsc2UsXCJJc1VuZGVybGluZWRcIjpmYWxzZX0sXCJGb3JlZ3JvdW5kXCI6e1wiJGlkXCI6XCI0ODFcIixcIkNvbG9yXCI6e1wiJGlkXCI6XCI0ODJcIixcIkFcIjoyNTUsXCJSXCI6NDQsXCJHXCI6NyxcIkJcIjo1M319LFwiSG9yaXpvbnRhbEFsaWdubWVudFwiOjEsXCJJc1Zpc2libGVcIjp0cnVlfSxcIkRhdGVTdHlsZVwiOntcIiRpZFwiOlwiNDgzXCIsXCJGb250U2V0dGluZ3NcIjp7XCIkaWRcIjpcIjQ4NFwiLFwiRm9udFNpemVcIjoxMSxcIkZvbnROYW1lXCI6XCJNb250c2VycmF0IExpZ2h0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L2RkL3l5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jQ3MWQ1NmEzLTUyZjItNDg3Ni1iODExLTU5ZTQ2YTBlZGZkOVwiLFwiTmFtZVwiOlwiU3dpbWxhbmUgU3R5bGUgNFwiLFwiSGVhZGVyU3R5bGVcIjp7XCIkaWRcIjpcIjQ5MFwiLFwiVGV4dFN0eWxlXCI6e1wiJGlkXCI6XCI0OTFcIixcIkZvbnRTZXR0aW5nc1wiOntcIiRpZFwiOlwiNDkyXCIsXCJGb250U2l6ZVwiOjEyLFwiRm9udE5hbWVcIjpcIkNhbGlicmlcIixcIklzQm9sZFwiOmZhbHN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EzMyxcIkdcIjoxMzgsXCJCXCI6MjI3fX0sXCJJc1Zpc2libGVcIjp0cnVlLFwiV2lkdGhcIjowLjAsXCJIZWlnaHRcIjowLjAsXCJCb3JkZXJTdHlsZVwiOntcIiRpZFwiOlwiNTAwXCIsXCJMaW5lU3R5bGVcIjp7XCIkaWRcIjpcIjUwMVwiLFwiTGluZUNvbG9yXCI6e1wiJGlkXCI6XCI1MDJcIixcIkNvbG9yXCI6e1wiJGlkXCI6XCI1MDNcIixcIkFcIjoyNTUsXCJSXCI6NDcsXCJHXCI6ODIsXCJCXCI6MTQz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TMzLFwiR1wiOjEzOCxcIkJcIjoyMjd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EzMyxcIkdcIjoxMzgsXCJCXCI6MjI3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EzMyxcIkdcIjoxMzgsXCJCXCI6MjI3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AsXCJEYXRlUG9zaXRpb25cIjowLFwiU2hhcGVUeXBlXCI6MSxcIlNoYXBlU2l6ZVwiOjE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MzLFwiR1wiOjEzOCxcIkJcIjoyMjd9fSxcIklzVmlzaWJsZVwiOnRydWUsXCJXaWR0aFwiOjE4LjAsXCJIZWlnaHRcIjoyM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MzLFwiR1wiOjEzOCxcIkJcIjoyMjd9fSxcIklzVmlzaWJsZVwiOnRydWUsXCJXaWR0aFwiOjAuMCxcIkhlaWdodFwiOjE2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CxcIlNoYXBlU2l6ZVwiOjEsXCJEZXRhaWxzU3BhY2luZ1wiOjEuMCxcIlBhZGRpbmdcIjp7XCIkaWRcIjpcIjU5MFwiLFwiVG9wXCI6Ny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TMzLFwiR1wiOjEzOCxcIkJcIjoyMjd9fSxcIklzVmlzaWJsZVwiOnRydWUsXCJXaWR0aFwiOjE4LjAsXCJIZWlnaHRcIjoyMC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xMTEsXCJHXCI6NDksXCJCXCI6MTUyfX0sXCJMaW5lV2VpZ2h0XCI6MS4wLFwiTGluZVR5cGVcIjowfSxcIklzVmlzaWJsZVwiOmZhbHNlfSxcIkFjdGl2aXR5TGluZVBhbmVsU3R5bGVcIjp7XCIkaWRcIjpcIjYxNFwiLFwiQWN0aXZpdHlMaW5lU3R5bGVcIjp7XCIkaWRcIjpcIjYxNVwiLFwiTGluZUNvbG9yXCI6e1wiJGlkXCI6XCI2MTZcIixcIkNvbG9yXCI6e1wiJGlkXCI6XCI2MTdcIixcIkFcIjozOCxcIlJcIjo5MSxcIkdcIjoxNTUsXCJCXCI6MjEz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0cnVlLFwiUmFkaXVzXCI6MC4wfSxcIkNyaXRpY2FsUGF0aFN0eWxlXCI6e1wiJGlkXCI6XCI2MjNcIixcIkNyaXRpY2FsUGF0aFN0eWxlT3B0aW9uc1wiOjE1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IyLFwiR1wiOjUwLFwiQlwiOjUwfX0sXCJMaW5lV2VpZ2h0XCI6Mi4wLFwiTGluZVR5cGVcIjowfX0sXCJQYW5lbHNTcGFjaW5nRGVmaW5pdGlvblwiOntcIiRpZFwiOlwiNjM0XCIsXCJTcGFjaW5nQWJvdmVUaW1lYmFuZFwiOjE2LFwiU3BhY2luZ0JlbG93VGltZWJhbmRcIjoxNixcIlNwYWNpbmdBYm92ZUJldHdlZW5Td2ltbGFuZXNBbmRUYXNrc1wiOjE2LFwiU3BhY2luZ0JlbG93QmV0d2VlblN3aW1sYW5lc0FuZFRhc2tzXCI6MTZ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4MSIsIlVzZVRpbWUiOmZhbHNlLCJXb3JrRGF5U3RhcnQiOiIwMDowMDowMCIsIldvcmtEYXlFbmQiOiIyMzo1OTowMCJ9LCJMYXN0VXNlZFRlbXBsYXRlSWQiOiJhNDM4YTdiZi1mYTA5LTQyZDMtODgyYS0xNWU5YWE3ZjkwZjYiLCJMYXN0VXNlZFRoZW1lRGV0YWlscyI6eyIkaWQiOiIxNzgyIiwiSWQiOiJiMjMyZTBiOS1mOWYxLTQxZjgtYjdkOS0xODNhMGQyNjRiY2YiLCJUaXRsZSI6IlVudGl0bGVkIHRoZW1lIiwiQ2F0ZWdvcnkiOjJ9LCJGaXJzdFdlZWtPZlllYXIiOjAsIlBsYWNlTWlsZXN0b25lQXRUaGVCZWdpbm5pbmdPZlRoZURheSI6ZmFsc2UsIkRlcGVuZGVuY3lTY2hlZHVsaW5nU2V0dGluZ3MiOnsiJGlkIjoiMTc4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5.6680045095819"/>
  <p:tag name="OTLTIMEBANDFYSTARTMONTH" val="January"/>
  <p:tag name="OTLTIMEBANDSHOWFYLABEL" val="True"/>
  <p:tag name="OTLTIMEBANDUSESTARTINGOFTHEYEARFORFYNUMBERING" val="True"/>
  <p:tag name="OTLTIMEBANDRESERVEDLEFTAREAWIDTH" val="53.708004509581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ENDDATE" val="2025-12-18T23:59:00.0000000"/>
  <p:tag name="OTLTIMEBANDSTARTDATE" val="2025-05-01T23:59:00.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5.6680045095819"/>
  <p:tag name="OTLTIMEBANDFYSTARTMONTH" val="January"/>
  <p:tag name="OTLTIMEBANDSHOWFYLABEL" val="True"/>
  <p:tag name="OTLTIMEBANDUSESTARTINGOFTHEYEARFORFYNUMBERING" val="True"/>
  <p:tag name="OTLTIMEBANDRESERVEDLEFTAREAWIDTH" val="53.708004509581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ENDDATE" val="2025-12-18T23:59:00.0000000"/>
  <p:tag name="OTLTIMEBANDSTARTDATE" val="2025-05-01T23:59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5.6680045095819"/>
  <p:tag name="OTLTIMEBANDFYSTARTMONTH" val="January"/>
  <p:tag name="OTLTIMEBANDSHOWFYLABEL" val="True"/>
  <p:tag name="OTLTIMEBANDUSESTARTINGOFTHEYEARFORFYNUMBERING" val="True"/>
  <p:tag name="OTLTIMEBANDRESERVEDLEFTAREAWIDTH" val="53.708004509581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"/>
  <p:tag name="OTLTIMEBANDSCALETYPE" val="Days"/>
  <p:tag name="OTLTIMEBANDSHAPETYPE" val="RectangleTimeband"/>
  <p:tag name="OTLTIMEBANDSHAPEHEIGHT" val="14.3999996185303"/>
  <p:tag name="OTLTIMEBANDSHAPEPADDINGLEFT" val="0"/>
  <p:tag name="OTLTIMEBANDENDDATE" val="2025-12-18T23:59:00.0000000"/>
  <p:tag name="OTLTIMEBANDSTARTDATE" val="2025-05-01T23:59:00.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echanical Desig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5-08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lectrical Desig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03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terial Availabl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28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rawing's Released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3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 Completed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23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nding Result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Results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26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ild Star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25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ditional Relea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3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er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5-11-07T23:59:00.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5-12-18T23:59:00.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Units Available"/>
  <p:tag name="OTLPOSITIONONTASK" val="None"/>
  <p:tag name="OTLRELATEDTASKID" val="00000000-0000-0000-0000-000000000000"/>
  <p:tag name="OTLWEEKNUMBERINGFORMAT" val="WNFormat1"/>
  <p:tag name="OTLWEEKNUMBERINGISVISIBLE" val="False"/>
  <p:tag name="OTLDATE" val="2025-08-29T23:59:00.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7</Words>
  <Application>Microsoft Office PowerPoint</Application>
  <PresentationFormat>Widescreen</PresentationFormat>
  <Paragraphs>6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9-09T14:06:21Z</dcterms:created>
  <dcterms:modified xsi:type="dcterms:W3CDTF">2024-10-24T09:34:11Z</dcterms:modified>
</cp:coreProperties>
</file>